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ersons/person.xml" ContentType="application/vnd.ms-excel.perso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J:\FEP\ECB\Open Data Reporting\Web Date Catalogue - Open Data\2024-25\BC Finance - 2024 Financial and Economic Review\"/>
    </mc:Choice>
  </mc:AlternateContent>
  <xr:revisionPtr revIDLastSave="0" documentId="13_ncr:1_{B7BBB342-39FD-4D23-A796-1A0E3EBBBCAF}" xr6:coauthVersionLast="47" xr6:coauthVersionMax="47" xr10:uidLastSave="{00000000-0000-0000-0000-000000000000}"/>
  <bookViews>
    <workbookView xWindow="-108" yWindow="-108" windowWidth="23256" windowHeight="12576" xr2:uid="{452FBA89-4246-48A2-AEBB-6E5C613E6432}"/>
  </bookViews>
  <sheets>
    <sheet name="A2.1" sheetId="2" r:id="rId1"/>
    <sheet name="A2.2" sheetId="3" r:id="rId2"/>
    <sheet name="A2.3" sheetId="4" r:id="rId3"/>
    <sheet name="A2.4" sheetId="5" r:id="rId4"/>
    <sheet name="A2.5" sheetId="6" r:id="rId5"/>
    <sheet name="A2.6" sheetId="7" r:id="rId6"/>
    <sheet name="A2.7" sheetId="8" r:id="rId7"/>
    <sheet name="A2.8" sheetId="9" r:id="rId8"/>
    <sheet name="A2.9" sheetId="10" r:id="rId9"/>
    <sheet name="A2.10" sheetId="11" r:id="rId10"/>
    <sheet name="A2.11" sheetId="12" r:id="rId11"/>
    <sheet name="A2.12" sheetId="13" r:id="rId12"/>
    <sheet name="A2.13" sheetId="14" r:id="rId13"/>
    <sheet name="A2.14" sheetId="15" r:id="rId14"/>
  </sheets>
  <externalReferences>
    <externalReference r:id="rId15"/>
    <externalReference r:id="rId16"/>
  </externalReferences>
  <definedNames>
    <definedName name="___PER1314" localSheetId="5">#REF!</definedName>
    <definedName name="___PER1314" localSheetId="6">#REF!</definedName>
    <definedName name="___PER1314">#REF!</definedName>
    <definedName name="__PER1314" localSheetId="5">#REF!</definedName>
    <definedName name="__PER1314" localSheetId="6">#REF!</definedName>
    <definedName name="__PER1314">#REF!</definedName>
    <definedName name="_Fill" hidden="1">#REF!</definedName>
    <definedName name="_PER1314" localSheetId="5">#REF!</definedName>
    <definedName name="_PER1314" localSheetId="6">#REF!</definedName>
    <definedName name="_PER1314">#REF!</definedName>
    <definedName name="a" localSheetId="5">#REF!</definedName>
    <definedName name="a" localSheetId="6">#REF!</definedName>
    <definedName name="a">#REF!</definedName>
    <definedName name="aa" localSheetId="5">#REF!</definedName>
    <definedName name="aa" localSheetId="6">#REF!</definedName>
    <definedName name="aa">#REF!</definedName>
    <definedName name="aaa" localSheetId="5">#REF!</definedName>
    <definedName name="aaa" localSheetId="6">#REF!</definedName>
    <definedName name="aaa">#REF!</definedName>
    <definedName name="AB_1" localSheetId="5">#REF!</definedName>
    <definedName name="AB_1" localSheetId="6">#REF!</definedName>
    <definedName name="AB_1">#REF!</definedName>
    <definedName name="AB_2" localSheetId="5">#REF!</definedName>
    <definedName name="AB_2" localSheetId="6">#REF!</definedName>
    <definedName name="AB_2">#REF!</definedName>
    <definedName name="AB_3" localSheetId="5">#REF!</definedName>
    <definedName name="AB_3" localSheetId="6">#REF!</definedName>
    <definedName name="AB_3">#REF!</definedName>
    <definedName name="AB_4" localSheetId="5">#REF!</definedName>
    <definedName name="AB_4" localSheetId="6">#REF!</definedName>
    <definedName name="AB_4">#REF!</definedName>
    <definedName name="AB_5" localSheetId="5">#REF!</definedName>
    <definedName name="AB_5" localSheetId="6">#REF!</definedName>
    <definedName name="AB_5">#REF!</definedName>
    <definedName name="AB_6" localSheetId="5">#REF!</definedName>
    <definedName name="AB_6" localSheetId="6">#REF!</definedName>
    <definedName name="AB_6">#REF!</definedName>
    <definedName name="AB_7" localSheetId="5">#REF!</definedName>
    <definedName name="AB_7" localSheetId="6">#REF!</definedName>
    <definedName name="AB_7">#REF!</definedName>
    <definedName name="AB_8" localSheetId="5">#REF!</definedName>
    <definedName name="AB_8" localSheetId="6">#REF!</definedName>
    <definedName name="AB_8">#REF!</definedName>
    <definedName name="AB_9" localSheetId="5">#REF!</definedName>
    <definedName name="AB_9" localSheetId="6">#REF!</definedName>
    <definedName name="AB_9">#REF!</definedName>
    <definedName name="abcd" localSheetId="5">#REF!</definedName>
    <definedName name="abcd" localSheetId="6">#REF!</definedName>
    <definedName name="abcd">#REF!</definedName>
    <definedName name="abfull" localSheetId="5">#REF!</definedName>
    <definedName name="abfull" localSheetId="6">#REF!</definedName>
    <definedName name="abfull">#REF!</definedName>
    <definedName name="abytd" localSheetId="5">#REF!</definedName>
    <definedName name="abytd" localSheetId="6">#REF!</definedName>
    <definedName name="abytd">#REF!</definedName>
    <definedName name="ACT" localSheetId="5">#REF!</definedName>
    <definedName name="ACT" localSheetId="6">#REF!</definedName>
    <definedName name="ACT">#REF!</definedName>
    <definedName name="ad" localSheetId="5">#REF!</definedName>
    <definedName name="ad" localSheetId="6">#REF!</definedName>
    <definedName name="ad">#REF!</definedName>
    <definedName name="ADJ" localSheetId="5">#REF!</definedName>
    <definedName name="ADJ" localSheetId="6">#REF!</definedName>
    <definedName name="ADJ">#REF!</definedName>
    <definedName name="afgb" localSheetId="5">#REF!</definedName>
    <definedName name="afgb" localSheetId="6">#REF!</definedName>
    <definedName name="afgb">#REF!</definedName>
    <definedName name="ANN" localSheetId="5">#REF!</definedName>
    <definedName name="ANN" localSheetId="6">#REF!</definedName>
    <definedName name="ANN">#REF!</definedName>
    <definedName name="as" localSheetId="5">#REF!</definedName>
    <definedName name="as" localSheetId="6">#REF!</definedName>
    <definedName name="as">#REF!</definedName>
    <definedName name="BUD" localSheetId="5">#REF!</definedName>
    <definedName name="BUD" localSheetId="6">#REF!</definedName>
    <definedName name="BUD">#REF!</definedName>
    <definedName name="BUD_CY" localSheetId="5">#REF!</definedName>
    <definedName name="BUD_CY" localSheetId="6">#REF!</definedName>
    <definedName name="BUD_CY">#REF!</definedName>
    <definedName name="BUDTRF" localSheetId="5">#REF!</definedName>
    <definedName name="BUDTRF" localSheetId="6">#REF!</definedName>
    <definedName name="BUDTRF">#REF!</definedName>
    <definedName name="CR" localSheetId="5">#REF!</definedName>
    <definedName name="CR" localSheetId="6">#REF!</definedName>
    <definedName name="CR">#REF!</definedName>
    <definedName name="CRFQ309" localSheetId="5">#REF!</definedName>
    <definedName name="CRFQ309" localSheetId="6">#REF!</definedName>
    <definedName name="CRFQ309">#REF!</definedName>
    <definedName name="CRFQ310" localSheetId="5">#REF!</definedName>
    <definedName name="CRFQ310" localSheetId="6">#REF!</definedName>
    <definedName name="CRFQ310">#REF!</definedName>
    <definedName name="CRFQ311" localSheetId="5">#REF!</definedName>
    <definedName name="CRFQ311" localSheetId="6">#REF!</definedName>
    <definedName name="CRFQ311">#REF!</definedName>
    <definedName name="CRFQ312" localSheetId="5">#REF!</definedName>
    <definedName name="CRFQ312" localSheetId="6">#REF!</definedName>
    <definedName name="CRFQ312">#REF!</definedName>
    <definedName name="DEBTACT" localSheetId="5">#REF!</definedName>
    <definedName name="DEBTACT" localSheetId="6">#REF!</definedName>
    <definedName name="DEBTACT">#REF!</definedName>
    <definedName name="DEBTBUD" localSheetId="5">#REF!</definedName>
    <definedName name="DEBTBUD" localSheetId="6">#REF!</definedName>
    <definedName name="DEBTBUD">#REF!</definedName>
    <definedName name="DED_REV_B" localSheetId="5">#REF!</definedName>
    <definedName name="DED_REV_B" localSheetId="6">#REF!</definedName>
    <definedName name="DED_REV_B">#REF!</definedName>
    <definedName name="DED_REV_E" localSheetId="5">#REF!</definedName>
    <definedName name="DED_REV_E" localSheetId="6">#REF!</definedName>
    <definedName name="DED_REV_E">#REF!</definedName>
    <definedName name="DED_REV_F" localSheetId="5">#REF!</definedName>
    <definedName name="DED_REV_F" localSheetId="6">#REF!</definedName>
    <definedName name="DED_REV_F">#REF!</definedName>
    <definedName name="DR" localSheetId="5">#REF!</definedName>
    <definedName name="DR" localSheetId="6">#REF!</definedName>
    <definedName name="DR">#REF!</definedName>
    <definedName name="earef" localSheetId="5">#REF!</definedName>
    <definedName name="earef" localSheetId="6">#REF!</definedName>
    <definedName name="earef">#REF!</definedName>
    <definedName name="EDUCACT" localSheetId="5">#REF!</definedName>
    <definedName name="EDUCACT" localSheetId="6">#REF!</definedName>
    <definedName name="EDUCACT">#REF!</definedName>
    <definedName name="EDUCBUD" localSheetId="5">#REF!</definedName>
    <definedName name="EDUCBUD" localSheetId="6">#REF!</definedName>
    <definedName name="EDUCBUD">#REF!</definedName>
    <definedName name="ef" localSheetId="5">#REF!</definedName>
    <definedName name="ef" localSheetId="6">#REF!</definedName>
    <definedName name="ef">#REF!</definedName>
    <definedName name="effe" localSheetId="5">#REF!</definedName>
    <definedName name="effe" localSheetId="6">#REF!</definedName>
    <definedName name="effe">#REF!</definedName>
    <definedName name="efg" localSheetId="5">#REF!</definedName>
    <definedName name="efg" localSheetId="6">#REF!</definedName>
    <definedName name="efg">#REF!</definedName>
    <definedName name="ELIM" localSheetId="5">#REF!</definedName>
    <definedName name="ELIM" localSheetId="6">#REF!</definedName>
    <definedName name="ELIM">#REF!</definedName>
    <definedName name="ENT_REV_B" localSheetId="5">#REF!</definedName>
    <definedName name="ENT_REV_B" localSheetId="6">#REF!</definedName>
    <definedName name="ENT_REV_B">#REF!</definedName>
    <definedName name="ENT_REV_E" localSheetId="5">#REF!</definedName>
    <definedName name="ENT_REV_E" localSheetId="6">#REF!</definedName>
    <definedName name="ENT_REV_E">#REF!</definedName>
    <definedName name="ENT_REV_F" localSheetId="5">#REF!</definedName>
    <definedName name="ENT_REV_F" localSheetId="6">#REF!</definedName>
    <definedName name="ENT_REV_F">#REF!</definedName>
    <definedName name="EST" localSheetId="5">#REF!</definedName>
    <definedName name="EST" localSheetId="6">#REF!</definedName>
    <definedName name="EST">#REF!</definedName>
    <definedName name="EXP" localSheetId="5">#REF!</definedName>
    <definedName name="EXP" localSheetId="6">#REF!</definedName>
    <definedName name="EXP">#REF!</definedName>
    <definedName name="FED_REV_B" localSheetId="5">#REF!</definedName>
    <definedName name="FED_REV_B" localSheetId="6">#REF!</definedName>
    <definedName name="FED_REV_B">#REF!</definedName>
    <definedName name="FED_REV_E" localSheetId="5">#REF!</definedName>
    <definedName name="FED_REV_E" localSheetId="6">#REF!</definedName>
    <definedName name="FED_REV_E">#REF!</definedName>
    <definedName name="FED_REV_F" localSheetId="5">#REF!</definedName>
    <definedName name="FED_REV_F" localSheetId="6">#REF!</definedName>
    <definedName name="FED_REV_F">#REF!</definedName>
    <definedName name="fefef" localSheetId="5">#REF!</definedName>
    <definedName name="fefef" localSheetId="6">#REF!</definedName>
    <definedName name="fefef">#REF!</definedName>
    <definedName name="fgt" localSheetId="5">#REF!</definedName>
    <definedName name="fgt" localSheetId="6">#REF!</definedName>
    <definedName name="fgt">#REF!</definedName>
    <definedName name="FORE" localSheetId="5">#REF!</definedName>
    <definedName name="FORE" localSheetId="6">#REF!</definedName>
    <definedName name="FORE">#REF!</definedName>
    <definedName name="GENACT" localSheetId="5">#REF!</definedName>
    <definedName name="GENACT" localSheetId="6">#REF!</definedName>
    <definedName name="GENACT">#REF!</definedName>
    <definedName name="GENBUD" localSheetId="5">#REF!</definedName>
    <definedName name="GENBUD" localSheetId="6">#REF!</definedName>
    <definedName name="GENBUD">#REF!</definedName>
    <definedName name="gta" localSheetId="5">#REF!</definedName>
    <definedName name="gta" localSheetId="6">#REF!</definedName>
    <definedName name="gta">#REF!</definedName>
    <definedName name="gtb" localSheetId="5">#REF!</definedName>
    <definedName name="gtb" localSheetId="6">#REF!</definedName>
    <definedName name="gtb">#REF!</definedName>
    <definedName name="HLTH1Q" localSheetId="5">#REF!</definedName>
    <definedName name="HLTH1Q" localSheetId="6">#REF!</definedName>
    <definedName name="HLTH1Q">#REF!</definedName>
    <definedName name="hlth2q" localSheetId="5">#REF!</definedName>
    <definedName name="hlth2q" localSheetId="6">#REF!</definedName>
    <definedName name="hlth2q">#REF!</definedName>
    <definedName name="hlth3q" localSheetId="5">#REF!</definedName>
    <definedName name="hlth3q" localSheetId="6">#REF!</definedName>
    <definedName name="hlth3q">#REF!</definedName>
    <definedName name="HLTHACT" localSheetId="5">#REF!</definedName>
    <definedName name="HLTHACT" localSheetId="6">#REF!</definedName>
    <definedName name="HLTHACT">#REF!</definedName>
    <definedName name="HLTHBUD" localSheetId="5">#REF!</definedName>
    <definedName name="HLTHBUD" localSheetId="6">#REF!</definedName>
    <definedName name="HLTHBUD">#REF!</definedName>
    <definedName name="hlthest" localSheetId="5">#REF!</definedName>
    <definedName name="hlthest" localSheetId="6">#REF!</definedName>
    <definedName name="hlthest">#REF!</definedName>
    <definedName name="hlthyrend" localSheetId="5">#REF!</definedName>
    <definedName name="hlthyrend" localSheetId="6">#REF!</definedName>
    <definedName name="hlthyrend">#REF!</definedName>
    <definedName name="hs0711act" localSheetId="5">#REF!</definedName>
    <definedName name="hs0711act" localSheetId="6">#REF!</definedName>
    <definedName name="hs0711act">#REF!</definedName>
    <definedName name="hs0711bud" localSheetId="5">#REF!</definedName>
    <definedName name="hs0711bud" localSheetId="6">#REF!</definedName>
    <definedName name="hs0711bud">#REF!</definedName>
    <definedName name="hs0713act" localSheetId="5">#REF!</definedName>
    <definedName name="hs0713act" localSheetId="6">#REF!</definedName>
    <definedName name="hs0713act">#REF!</definedName>
    <definedName name="hs0713bud" localSheetId="5">#REF!</definedName>
    <definedName name="hs0713bud" localSheetId="6">#REF!</definedName>
    <definedName name="hs0713bud">#REF!</definedName>
    <definedName name="hs0715act" localSheetId="5">#REF!</definedName>
    <definedName name="hs0715act" localSheetId="6">#REF!</definedName>
    <definedName name="hs0715act">#REF!</definedName>
    <definedName name="hs0715bud" localSheetId="5">#REF!</definedName>
    <definedName name="hs0715bud" localSheetId="6">#REF!</definedName>
    <definedName name="hs0715bud">#REF!</definedName>
    <definedName name="hs0731act" localSheetId="5">#REF!</definedName>
    <definedName name="hs0731act" localSheetId="6">#REF!</definedName>
    <definedName name="hs0731act">#REF!</definedName>
    <definedName name="hs0731bud" localSheetId="5">#REF!</definedName>
    <definedName name="hs0731bud" localSheetId="6">#REF!</definedName>
    <definedName name="hs0731bud">#REF!</definedName>
    <definedName name="LIABS" localSheetId="5">#REF!</definedName>
    <definedName name="LIABS" localSheetId="6">#REF!</definedName>
    <definedName name="LIABS">#REF!</definedName>
    <definedName name="MPFD" localSheetId="5">#REF!</definedName>
    <definedName name="MPFD" localSheetId="6">#REF!</definedName>
    <definedName name="MPFD">#REF!</definedName>
    <definedName name="NATACT" localSheetId="5">#REF!</definedName>
    <definedName name="NATACT" localSheetId="6">#REF!</definedName>
    <definedName name="NATACT">#REF!</definedName>
    <definedName name="NATBUD" localSheetId="5">#REF!</definedName>
    <definedName name="NATBUD" localSheetId="6">#REF!</definedName>
    <definedName name="NATBUD">#REF!</definedName>
    <definedName name="NOTE" localSheetId="5">#REF!</definedName>
    <definedName name="NOTE" localSheetId="6">#REF!</definedName>
    <definedName name="NOTE">#REF!</definedName>
    <definedName name="opera" localSheetId="5">#REF!</definedName>
    <definedName name="opera" localSheetId="6">#REF!</definedName>
    <definedName name="opera">#REF!</definedName>
    <definedName name="operb" localSheetId="5">#REF!</definedName>
    <definedName name="operb" localSheetId="6">#REF!</definedName>
    <definedName name="operb">#REF!</definedName>
    <definedName name="OTH" localSheetId="5">#REF!</definedName>
    <definedName name="OTH" localSheetId="6">#REF!</definedName>
    <definedName name="OTH">#REF!</definedName>
    <definedName name="OTH_REV_B" localSheetId="5">#REF!</definedName>
    <definedName name="OTH_REV_B" localSheetId="6">#REF!</definedName>
    <definedName name="OTH_REV_B">#REF!</definedName>
    <definedName name="OTH_REV_E" localSheetId="5">#REF!</definedName>
    <definedName name="OTH_REV_E" localSheetId="6">#REF!</definedName>
    <definedName name="OTH_REV_E">#REF!</definedName>
    <definedName name="OTH_REV_F" localSheetId="5">#REF!</definedName>
    <definedName name="OTH_REV_F" localSheetId="6">#REF!</definedName>
    <definedName name="OTH_REV_F">#REF!</definedName>
    <definedName name="OTHACT" localSheetId="5">#REF!</definedName>
    <definedName name="OTHACT" localSheetId="6">#REF!</definedName>
    <definedName name="OTHACT">#REF!</definedName>
    <definedName name="OTHBUD" localSheetId="5">#REF!</definedName>
    <definedName name="OTHBUD" localSheetId="6">#REF!</definedName>
    <definedName name="OTHBUD">#REF!</definedName>
    <definedName name="othera" localSheetId="5">#REF!</definedName>
    <definedName name="othera" localSheetId="6">#REF!</definedName>
    <definedName name="othera">#REF!</definedName>
    <definedName name="otherb" localSheetId="5">#REF!</definedName>
    <definedName name="otherb" localSheetId="6">#REF!</definedName>
    <definedName name="otherb">#REF!</definedName>
    <definedName name="PAY" localSheetId="5">#REF!</definedName>
    <definedName name="PAY" localSheetId="6">#REF!</definedName>
    <definedName name="PAY">#REF!</definedName>
    <definedName name="PENACT" localSheetId="5">#REF!</definedName>
    <definedName name="PENACT" localSheetId="6">#REF!</definedName>
    <definedName name="PENACT">#REF!</definedName>
    <definedName name="PENBUD" localSheetId="5">#REF!</definedName>
    <definedName name="PENBUD" localSheetId="6">#REF!</definedName>
    <definedName name="PENBUD">#REF!</definedName>
    <definedName name="Pension_Changes" localSheetId="5">#REF!</definedName>
    <definedName name="Pension_Changes" localSheetId="6">#REF!</definedName>
    <definedName name="Pension_Changes">#REF!</definedName>
    <definedName name="_xlnm.Print_Area" localSheetId="0">'A2.1'!$A$1:$P$24</definedName>
    <definedName name="_xlnm.Print_Area" localSheetId="9">'A2.10'!$A$1:$P$43</definedName>
    <definedName name="_xlnm.Print_Area" localSheetId="10">'A2.11'!$A$1:$P$39</definedName>
    <definedName name="_xlnm.Print_Area" localSheetId="11">'A2.12'!$A$1:$P$42</definedName>
    <definedName name="_xlnm.Print_Area" localSheetId="12">'A2.13'!$A$1:$R$67</definedName>
    <definedName name="_xlnm.Print_Area" localSheetId="13">'A2.14'!$A$1:$N$67</definedName>
    <definedName name="_xlnm.Print_Area" localSheetId="1">'A2.2'!$A$1:$Q$45</definedName>
    <definedName name="_xlnm.Print_Area" localSheetId="2">'A2.3'!$A$1:$Q$43</definedName>
    <definedName name="_xlnm.Print_Area" localSheetId="3">'A2.4'!$A$1:$P$54</definedName>
    <definedName name="_xlnm.Print_Area" localSheetId="4">'A2.5'!$A$1:$P$30</definedName>
    <definedName name="_xlnm.Print_Area" localSheetId="5">'A2.6'!$A$1:$P$45</definedName>
    <definedName name="_xlnm.Print_Area" localSheetId="6">'A2.7'!$A$1:$P$47</definedName>
    <definedName name="_xlnm.Print_Area" localSheetId="7">'A2.8'!$A$1:$P$16</definedName>
    <definedName name="_xlnm.Print_Area" localSheetId="8">'A2.9'!$A$1:$P$49</definedName>
    <definedName name="_xlnm.Print_Area">#REF!</definedName>
    <definedName name="PROACT" localSheetId="5">#REF!</definedName>
    <definedName name="PROACT" localSheetId="6">#REF!</definedName>
    <definedName name="PROACT">#REF!</definedName>
    <definedName name="PROBUD" localSheetId="5">#REF!</definedName>
    <definedName name="PROBUD" localSheetId="6">#REF!</definedName>
    <definedName name="PROBUD">#REF!</definedName>
    <definedName name="PRT_ONE" localSheetId="5">#REF!</definedName>
    <definedName name="PRT_ONE" localSheetId="6">#REF!</definedName>
    <definedName name="PRT_ONE">#REF!</definedName>
    <definedName name="PRT_THREE" localSheetId="5">#REF!</definedName>
    <definedName name="PRT_THREE" localSheetId="6">#REF!</definedName>
    <definedName name="PRT_THREE">#REF!</definedName>
    <definedName name="PRT_TWO" localSheetId="5">#REF!</definedName>
    <definedName name="PRT_TWO" localSheetId="6">#REF!</definedName>
    <definedName name="PRT_TWO">#REF!</definedName>
    <definedName name="PRU_B" localSheetId="5">#REF!</definedName>
    <definedName name="PRU_B" localSheetId="6">#REF!</definedName>
    <definedName name="PRU_B">#REF!</definedName>
    <definedName name="PRU_E" localSheetId="5">#REF!</definedName>
    <definedName name="PRU_E" localSheetId="6">#REF!</definedName>
    <definedName name="PRU_E">#REF!</definedName>
    <definedName name="PRU_F" localSheetId="5">#REF!</definedName>
    <definedName name="PRU_F" localSheetId="6">#REF!</definedName>
    <definedName name="PRU_F">#REF!</definedName>
    <definedName name="Q3_08" localSheetId="5">#REF!</definedName>
    <definedName name="Q3_08" localSheetId="6">#REF!</definedName>
    <definedName name="Q3_08">#REF!</definedName>
    <definedName name="Q3_09" localSheetId="5">#REF!</definedName>
    <definedName name="Q3_09" localSheetId="6">#REF!</definedName>
    <definedName name="Q3_09">#REF!</definedName>
    <definedName name="Q3_10" localSheetId="5">#REF!</definedName>
    <definedName name="Q3_10" localSheetId="6">#REF!</definedName>
    <definedName name="Q3_10">#REF!</definedName>
    <definedName name="Q3_11" localSheetId="5">#REF!</definedName>
    <definedName name="Q3_11" localSheetId="6">#REF!</definedName>
    <definedName name="Q3_11">#REF!</definedName>
    <definedName name="Q3_11MEA" localSheetId="5">#REF!</definedName>
    <definedName name="Q3_11MEA" localSheetId="6">#REF!</definedName>
    <definedName name="Q3_11MEA">#REF!</definedName>
    <definedName name="REC" localSheetId="5">#REF!</definedName>
    <definedName name="REC" localSheetId="6">#REF!</definedName>
    <definedName name="REC">#REF!</definedName>
    <definedName name="REC_89" localSheetId="5">#REF!</definedName>
    <definedName name="REC_89" localSheetId="6">#REF!</definedName>
    <definedName name="REC_89">#REF!</definedName>
    <definedName name="REC_90" localSheetId="5">#REF!</definedName>
    <definedName name="REC_90" localSheetId="6">#REF!</definedName>
    <definedName name="REC_90">#REF!</definedName>
    <definedName name="recexta" localSheetId="5">#REF!</definedName>
    <definedName name="recexta" localSheetId="6">#REF!</definedName>
    <definedName name="recexta">#REF!</definedName>
    <definedName name="recextb" localSheetId="5">#REF!</definedName>
    <definedName name="recextb" localSheetId="6">#REF!</definedName>
    <definedName name="recextb">#REF!</definedName>
    <definedName name="recinta" localSheetId="5">#REF!</definedName>
    <definedName name="recinta" localSheetId="6">#REF!</definedName>
    <definedName name="recinta">#REF!</definedName>
    <definedName name="recintb" localSheetId="5">#REF!</definedName>
    <definedName name="recintb" localSheetId="6">#REF!</definedName>
    <definedName name="recintb">#REF!</definedName>
    <definedName name="Recover">[1]Macro1!$A$106</definedName>
    <definedName name="RES_REV_B" localSheetId="5">#REF!</definedName>
    <definedName name="RES_REV_B" localSheetId="6">#REF!</definedName>
    <definedName name="RES_REV_B">#REF!</definedName>
    <definedName name="RES_REV_E" localSheetId="5">#REF!</definedName>
    <definedName name="RES_REV_E" localSheetId="6">#REF!</definedName>
    <definedName name="RES_REV_E">#REF!</definedName>
    <definedName name="RES_REV_F" localSheetId="5">#REF!</definedName>
    <definedName name="RES_REV_F" localSheetId="6">#REF!</definedName>
    <definedName name="RES_REV_F">#REF!</definedName>
    <definedName name="REV_CY" localSheetId="5">#REF!</definedName>
    <definedName name="REV_CY" localSheetId="6">#REF!</definedName>
    <definedName name="REV_CY">#REF!</definedName>
    <definedName name="REV_LY" localSheetId="5">#REF!</definedName>
    <definedName name="REV_LY" localSheetId="6">#REF!</definedName>
    <definedName name="REV_LY">#REF!</definedName>
    <definedName name="sala" localSheetId="5">#REF!</definedName>
    <definedName name="sala" localSheetId="6">#REF!</definedName>
    <definedName name="sala">#REF!</definedName>
    <definedName name="salb" localSheetId="5">#REF!</definedName>
    <definedName name="salb" localSheetId="6">#REF!</definedName>
    <definedName name="salb">#REF!</definedName>
    <definedName name="SOCACT" localSheetId="5">#REF!</definedName>
    <definedName name="SOCACT" localSheetId="6">#REF!</definedName>
    <definedName name="SOCACT">#REF!</definedName>
    <definedName name="SOCBUD" localSheetId="5">#REF!</definedName>
    <definedName name="SOCBUD" localSheetId="6">#REF!</definedName>
    <definedName name="SOCBUD">#REF!</definedName>
    <definedName name="TABLE" localSheetId="5">#REF!</definedName>
    <definedName name="TABLE" localSheetId="6">#REF!</definedName>
    <definedName name="TABLE">#REF!</definedName>
    <definedName name="TableName">"Dummy"</definedName>
    <definedName name="TAX_REV_B" localSheetId="5">#REF!</definedName>
    <definedName name="TAX_REV_B" localSheetId="6">#REF!</definedName>
    <definedName name="TAX_REV_B">#REF!</definedName>
    <definedName name="TAX_REV_E" localSheetId="5">#REF!</definedName>
    <definedName name="TAX_REV_E" localSheetId="6">#REF!</definedName>
    <definedName name="TAX_REV_E">#REF!</definedName>
    <definedName name="TAX_REV_F" localSheetId="5">#REF!</definedName>
    <definedName name="TAX_REV_F" localSheetId="6">#REF!</definedName>
    <definedName name="TAX_REV_F">#REF!</definedName>
    <definedName name="TOT_REV_B" localSheetId="5">#REF!</definedName>
    <definedName name="TOT_REV_B" localSheetId="6">#REF!</definedName>
    <definedName name="TOT_REV_B">#REF!</definedName>
    <definedName name="TOT_REV_E" localSheetId="5">#REF!</definedName>
    <definedName name="TOT_REV_E" localSheetId="6">#REF!</definedName>
    <definedName name="TOT_REV_E">#REF!</definedName>
    <definedName name="TOT_REV_F" localSheetId="5">#REF!</definedName>
    <definedName name="TOT_REV_F" localSheetId="6">#REF!</definedName>
    <definedName name="TOT_REV_F">#REF!</definedName>
    <definedName name="TOT_REV_YR1" localSheetId="5">#REF!</definedName>
    <definedName name="TOT_REV_YR1" localSheetId="6">#REF!</definedName>
    <definedName name="TOT_REV_YR1">#REF!</definedName>
    <definedName name="TOT_REV_YR2" localSheetId="5">#REF!</definedName>
    <definedName name="TOT_REV_YR2" localSheetId="6">#REF!</definedName>
    <definedName name="TOT_REV_YR2">#REF!</definedName>
    <definedName name="TOT_REV_YR3" localSheetId="5">#REF!</definedName>
    <definedName name="TOT_REV_YR3" localSheetId="6">#REF!</definedName>
    <definedName name="TOT_REV_YR3">#REF!</definedName>
    <definedName name="TOT_STCK_E">'[2]Supp Table 7'!$Q$55</definedName>
    <definedName name="TOT_STCK_RF">'[2]Supp Table 7'!$O$55</definedName>
    <definedName name="TOT_STCK_Y2">'[2]Supp Table 7'!$I$55</definedName>
    <definedName name="TOT_STCK_Y3">'[2]Supp Table 7'!$K$55</definedName>
    <definedName name="TOTALACT" localSheetId="5">#REF!</definedName>
    <definedName name="TOTALACT" localSheetId="6">#REF!</definedName>
    <definedName name="TOTALACT">#REF!</definedName>
    <definedName name="TOTALBUD" localSheetId="5">#REF!</definedName>
    <definedName name="TOTALBUD" localSheetId="6">#REF!</definedName>
    <definedName name="TOTALBUD">#REF!</definedName>
    <definedName name="TRANACT" localSheetId="5">#REF!</definedName>
    <definedName name="TRANACT" localSheetId="6">#REF!</definedName>
    <definedName name="TRANACT">#REF!</definedName>
    <definedName name="TRANBUD" localSheetId="5">#REF!</definedName>
    <definedName name="TRANBUD" localSheetId="6">#REF!</definedName>
    <definedName name="TRANBUD">#REF!</definedName>
    <definedName name="TRANS" localSheetId="5">#REF!</definedName>
    <definedName name="TRANS" localSheetId="6">#REF!</definedName>
    <definedName name="TRANS">#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08" uniqueCount="529">
  <si>
    <r>
      <t xml:space="preserve">Table A2.1   Operating Statement – 2012/13 to 2023/24 </t>
    </r>
    <r>
      <rPr>
        <b/>
        <vertAlign val="superscript"/>
        <sz val="8"/>
        <rFont val="Arial"/>
        <family val="2"/>
      </rPr>
      <t>1</t>
    </r>
  </si>
  <si>
    <t>($ millions)</t>
  </si>
  <si>
    <t>Actual 2012/13</t>
  </si>
  <si>
    <t>Actual 2013/14</t>
  </si>
  <si>
    <t>Actual 2014/15</t>
  </si>
  <si>
    <t>Actual 2015/16</t>
  </si>
  <si>
    <t>Actual 2016/17</t>
  </si>
  <si>
    <t>Actual 2017/18</t>
  </si>
  <si>
    <t>Actual 2018/19</t>
  </si>
  <si>
    <t>Actual 2019/20</t>
  </si>
  <si>
    <t>Actual 2020/21</t>
  </si>
  <si>
    <t>Actual 2021/22</t>
  </si>
  <si>
    <t>Actual 2022/23</t>
  </si>
  <si>
    <t>Actual 2023/24</t>
  </si>
  <si>
    <t>Average 
annual 
change</t>
  </si>
  <si>
    <t>(per cent)</t>
  </si>
  <si>
    <t>Revenue ……………………………………………………………………………………..</t>
  </si>
  <si>
    <t>Expense …………….....…....………………..…………………………………………..</t>
  </si>
  <si>
    <r>
      <t>Surplus (deficit)</t>
    </r>
    <r>
      <rPr>
        <sz val="8"/>
        <rFont val="Arial"/>
        <family val="2"/>
      </rPr>
      <t xml:space="preserve"> ………………………………………………………………………….</t>
    </r>
  </si>
  <si>
    <t>Accumulated surplus (deficit) beginning of year,</t>
  </si>
  <si>
    <t>before remeasurement gains/(losses) .................................</t>
  </si>
  <si>
    <t>Accumulated surplus (deficit),</t>
  </si>
  <si>
    <t>Remeasurement gains/(losses) ........................</t>
  </si>
  <si>
    <r>
      <t>Accumulated surplus (deficit), end of year</t>
    </r>
    <r>
      <rPr>
        <sz val="8"/>
        <rFont val="Arial"/>
        <family val="2"/>
      </rPr>
      <t xml:space="preserve"> .......................</t>
    </r>
  </si>
  <si>
    <r>
      <t xml:space="preserve">Per cent of Nominal GDP: </t>
    </r>
    <r>
      <rPr>
        <vertAlign val="superscript"/>
        <sz val="8"/>
        <rFont val="Arial"/>
        <family val="2"/>
      </rPr>
      <t>2</t>
    </r>
  </si>
  <si>
    <t>Surplus (deficit) ………………………………………………………………….</t>
  </si>
  <si>
    <t>Per cent of revenue:</t>
  </si>
  <si>
    <r>
      <t xml:space="preserve">Per capita ($): </t>
    </r>
    <r>
      <rPr>
        <vertAlign val="superscript"/>
        <sz val="8"/>
        <rFont val="Arial"/>
        <family val="2"/>
      </rPr>
      <t>3</t>
    </r>
  </si>
  <si>
    <t>Figures have been restated to reflect government accounting policies in effect at March 31, 2024.</t>
  </si>
  <si>
    <r>
      <t xml:space="preserve">Table A2.2   Statement of Financial Position – 2012/13 to 2023/24 </t>
    </r>
    <r>
      <rPr>
        <b/>
        <vertAlign val="superscript"/>
        <sz val="8"/>
        <rFont val="Arial"/>
        <family val="2"/>
      </rPr>
      <t>1</t>
    </r>
  </si>
  <si>
    <t>Average annual change</t>
  </si>
  <si>
    <t>Financial assets:</t>
  </si>
  <si>
    <t>Cash and temporary investments ………………………………………………………………</t>
  </si>
  <si>
    <t>Other financial assets ……………………………………………………………………………….</t>
  </si>
  <si>
    <t>Sinking funds ...............................................................................................</t>
  </si>
  <si>
    <t>Investments in commercial Crown corporations:</t>
  </si>
  <si>
    <r>
      <t>Retained earnings</t>
    </r>
    <r>
      <rPr>
        <sz val="8"/>
        <rFont val="Arial"/>
        <family val="2"/>
      </rPr>
      <t xml:space="preserve"> …………………………………………………………………….</t>
    </r>
  </si>
  <si>
    <r>
      <t>Recoverable capital loans</t>
    </r>
    <r>
      <rPr>
        <sz val="8"/>
        <rFont val="Arial"/>
        <family val="2"/>
      </rPr>
      <t xml:space="preserve"> ………………………………………………………………..</t>
    </r>
  </si>
  <si>
    <r>
      <t>Total financial assets</t>
    </r>
    <r>
      <rPr>
        <sz val="8"/>
        <rFont val="Arial"/>
        <family val="2"/>
      </rPr>
      <t>…...........................................................................................................</t>
    </r>
  </si>
  <si>
    <t>Liabilities:</t>
  </si>
  <si>
    <t>Accounts payable, accrued liabilities &amp; others ……………………………………………………</t>
  </si>
  <si>
    <t>Deferred revenue ……………………………………………………………………………</t>
  </si>
  <si>
    <t>Debt:</t>
  </si>
  <si>
    <t>Taxpayer-supported debt ………………………………………………………………….</t>
  </si>
  <si>
    <t>Self-supported debt ………………………………………………………………………</t>
  </si>
  <si>
    <t>Total provincial debt …………………………………………………………………………….</t>
  </si>
  <si>
    <t>Add:</t>
  </si>
  <si>
    <t>debt offset by sinking funds ……………………………………………………..</t>
  </si>
  <si>
    <t>foreign exchange adjustments ……………………………………………………..</t>
  </si>
  <si>
    <t xml:space="preserve"> </t>
  </si>
  <si>
    <t xml:space="preserve">n/a    </t>
  </si>
  <si>
    <t>Less:</t>
  </si>
  <si>
    <t>guarantees &amp; non-guaranteed debt …………………………………………………………….</t>
  </si>
  <si>
    <t>Financial statement debt .....................................................................</t>
  </si>
  <si>
    <r>
      <t>Total liabilities</t>
    </r>
    <r>
      <rPr>
        <sz val="8"/>
        <rFont val="Arial"/>
        <family val="2"/>
      </rPr>
      <t>…...........................................................................................................</t>
    </r>
  </si>
  <si>
    <r>
      <t>Net liabilities</t>
    </r>
    <r>
      <rPr>
        <sz val="8"/>
        <rFont val="Arial"/>
        <family val="2"/>
      </rPr>
      <t xml:space="preserve"> ……………………………………………………………………………….</t>
    </r>
  </si>
  <si>
    <t>Capital and other assets:</t>
  </si>
  <si>
    <t>Tangible capital assets …………………………………………………………………</t>
  </si>
  <si>
    <t>Restricted assets ………………………………………………………………………………..</t>
  </si>
  <si>
    <t>Other assets ………………………………………………………………………………..</t>
  </si>
  <si>
    <r>
      <t>Total capital and other assets</t>
    </r>
    <r>
      <rPr>
        <sz val="8"/>
        <rFont val="Arial"/>
        <family val="2"/>
      </rPr>
      <t>...........................................................................................................</t>
    </r>
  </si>
  <si>
    <r>
      <t xml:space="preserve">Accumulated surplus (deficit) </t>
    </r>
    <r>
      <rPr>
        <sz val="8"/>
        <rFont val="Arial"/>
        <family val="2"/>
      </rPr>
      <t>……………………………..……………………………….</t>
    </r>
  </si>
  <si>
    <r>
      <t xml:space="preserve">Per cent of Nominal GDP: </t>
    </r>
    <r>
      <rPr>
        <b/>
        <vertAlign val="superscript"/>
        <sz val="8"/>
        <rFont val="Arial"/>
        <family val="2"/>
      </rPr>
      <t>2</t>
    </r>
  </si>
  <si>
    <t>Net liabilities ……………………………………………………</t>
  </si>
  <si>
    <t>Capital and other assets ………………………………………</t>
  </si>
  <si>
    <t>Growth rates:</t>
  </si>
  <si>
    <r>
      <t xml:space="preserve">Per capita: </t>
    </r>
    <r>
      <rPr>
        <b/>
        <vertAlign val="superscript"/>
        <sz val="8"/>
        <rFont val="Arial"/>
        <family val="2"/>
      </rPr>
      <t>3</t>
    </r>
  </si>
  <si>
    <t>1</t>
  </si>
  <si>
    <t>2</t>
  </si>
  <si>
    <t>3</t>
  </si>
  <si>
    <t>Table A2.3   Changes in Financial Position – 2012/13 to 2023/24</t>
  </si>
  <si>
    <t>12-Year Total</t>
  </si>
  <si>
    <r>
      <t>(Surplus) deficit for the year</t>
    </r>
    <r>
      <rPr>
        <sz val="8"/>
        <rFont val="Arial"/>
        <family val="2"/>
      </rPr>
      <t xml:space="preserve"> ………………………………………………</t>
    </r>
  </si>
  <si>
    <t>Change in remeasurement (gains) losses ……………………………………………….</t>
  </si>
  <si>
    <t>Change in accumulated (surplus) deficit …………………………………………………….</t>
  </si>
  <si>
    <t>Capital and other asset changes:</t>
  </si>
  <si>
    <t>Taxpayer-supported capital investments …………………………………………………………………………</t>
  </si>
  <si>
    <t>amortization and other</t>
  </si>
  <si>
    <t>accounting changes ……………………………………………………………………..</t>
  </si>
  <si>
    <t>Increase in net capital assets ...................................................</t>
  </si>
  <si>
    <t>Increase (decrease) in restricted assets ..............................................</t>
  </si>
  <si>
    <t>Increase (decrease) in other assets ..............................................</t>
  </si>
  <si>
    <t>Change in capital and other assets…………………………………………………….</t>
  </si>
  <si>
    <r>
      <t>Increase (decrease) in net liabilities</t>
    </r>
    <r>
      <rPr>
        <sz val="8"/>
        <rFont val="Arial"/>
        <family val="2"/>
      </rPr>
      <t xml:space="preserve"> ..................................................................................................</t>
    </r>
  </si>
  <si>
    <t>Investment and working capital changes:</t>
  </si>
  <si>
    <t>Investment in commercial Crown corporations:</t>
  </si>
  <si>
    <t>Increase (decrease) in retained earnings ………………………………………………………………..</t>
  </si>
  <si>
    <t>Self-supported capital investments …………………………………………………………………………</t>
  </si>
  <si>
    <t>loan repayments and</t>
  </si>
  <si>
    <t>other accounting changes ………………………………………………………………………</t>
  </si>
  <si>
    <t>Change in investment …..............................................................................................................................</t>
  </si>
  <si>
    <t>Increase (decrease) in cash and</t>
  </si>
  <si>
    <t>temporary investments ….........................................................</t>
  </si>
  <si>
    <t>Increase (decrease) in warehouse</t>
  </si>
  <si>
    <t>borrowing investments …………………………………………………………………………..</t>
  </si>
  <si>
    <r>
      <t xml:space="preserve">Other working capital changes </t>
    </r>
    <r>
      <rPr>
        <vertAlign val="superscript"/>
        <sz val="8"/>
        <rFont val="Arial"/>
        <family val="2"/>
      </rPr>
      <t>1</t>
    </r>
    <r>
      <rPr>
        <sz val="8"/>
        <rFont val="Arial"/>
        <family val="2"/>
      </rPr>
      <t>………………………………………………………………..</t>
    </r>
  </si>
  <si>
    <r>
      <t xml:space="preserve">Change in investment and working capital </t>
    </r>
    <r>
      <rPr>
        <sz val="8"/>
        <rFont val="Arial"/>
        <family val="2"/>
      </rPr>
      <t>…………………………………………….</t>
    </r>
  </si>
  <si>
    <t xml:space="preserve">Increase (decrease) in financial statement </t>
  </si>
  <si>
    <r>
      <t xml:space="preserve">debt </t>
    </r>
    <r>
      <rPr>
        <sz val="8"/>
        <rFont val="Arial"/>
        <family val="2"/>
      </rPr>
      <t>…………………………………………………………………….</t>
    </r>
  </si>
  <si>
    <t>(Increase) decrease in sinking fund debt ……………………………………………………………………..</t>
  </si>
  <si>
    <t>(Increase) decrease in foreign exchange ……………………………………………………………………..</t>
  </si>
  <si>
    <t>Increase (decrease) in guarantees ……………….....................................................................................</t>
  </si>
  <si>
    <t>Increase (decrease) in non-guaranteed debt ………………........................</t>
  </si>
  <si>
    <r>
      <t xml:space="preserve">Increase (decrease) in total provincial debt </t>
    </r>
    <r>
      <rPr>
        <sz val="8"/>
        <rFont val="Arial"/>
        <family val="2"/>
      </rPr>
      <t>…………………………………………………………………………..</t>
    </r>
  </si>
  <si>
    <t>Represented by increase (decrease) in:</t>
  </si>
  <si>
    <r>
      <t>Taxpayer-supported debt</t>
    </r>
    <r>
      <rPr>
        <sz val="8"/>
        <rFont val="Arial"/>
        <family val="2"/>
      </rPr>
      <t xml:space="preserve"> …………………………………………………………………………..</t>
    </r>
  </si>
  <si>
    <r>
      <t xml:space="preserve">Self-supported debt </t>
    </r>
    <r>
      <rPr>
        <sz val="8"/>
        <rFont val="Arial"/>
        <family val="2"/>
      </rPr>
      <t>…………………………………………………………………………..</t>
    </r>
  </si>
  <si>
    <r>
      <t>Total provincial debt</t>
    </r>
    <r>
      <rPr>
        <sz val="8"/>
        <rFont val="Arial"/>
        <family val="2"/>
      </rPr>
      <t xml:space="preserve"> …………………………………………………………………………..</t>
    </r>
  </si>
  <si>
    <r>
      <rPr>
        <vertAlign val="superscript"/>
        <sz val="8"/>
        <rFont val="Arial"/>
        <family val="2"/>
      </rPr>
      <t>1</t>
    </r>
    <r>
      <rPr>
        <sz val="8"/>
        <rFont val="Arial"/>
        <family val="2"/>
      </rPr>
      <t xml:space="preserve"> </t>
    </r>
  </si>
  <si>
    <t>Includes changes in other financial assets, sinking funds, accounts payable, deferred revenue and other accrued liabilities.</t>
  </si>
  <si>
    <r>
      <t xml:space="preserve">Table A2.4   Revenue by Source – 2012/13 to 2023/24 </t>
    </r>
    <r>
      <rPr>
        <b/>
        <vertAlign val="superscript"/>
        <sz val="10"/>
        <rFont val="Arial"/>
        <family val="2"/>
      </rPr>
      <t>1</t>
    </r>
  </si>
  <si>
    <t>Taxation revenue:</t>
  </si>
  <si>
    <t>Personal income ……………………………………………..</t>
  </si>
  <si>
    <t>Corporate income ………………………………………..................</t>
  </si>
  <si>
    <t>Employer health ………………………………………...........................</t>
  </si>
  <si>
    <t>n/a</t>
  </si>
  <si>
    <t>Harmonized sales …………………………………………….............</t>
  </si>
  <si>
    <r>
      <t xml:space="preserve">Other sales </t>
    </r>
    <r>
      <rPr>
        <vertAlign val="superscript"/>
        <sz val="8"/>
        <rFont val="Arial"/>
        <family val="2"/>
      </rPr>
      <t>2</t>
    </r>
    <r>
      <rPr>
        <sz val="8"/>
        <rFont val="Arial"/>
        <family val="2"/>
      </rPr>
      <t xml:space="preserve"> …………………………………………….</t>
    </r>
  </si>
  <si>
    <t>Fuel ………………………………………………………</t>
  </si>
  <si>
    <t>Carbon ………………………………………………………</t>
  </si>
  <si>
    <t>Tobacco ………………………………………………………</t>
  </si>
  <si>
    <t>Property ………………………………………………….</t>
  </si>
  <si>
    <t>Property transfer ………………………………………………….</t>
  </si>
  <si>
    <t>Insurance premium and other ……………………………………………………………………….</t>
  </si>
  <si>
    <t>Natural resource revenue:</t>
  </si>
  <si>
    <t>Natural gas royalties ……………………………………………</t>
  </si>
  <si>
    <t>Crown land tenures ……………………………………………</t>
  </si>
  <si>
    <t>Columbia River Treaty ………………………………………….</t>
  </si>
  <si>
    <t>Other energy and minerals ………………………………………….</t>
  </si>
  <si>
    <t>Forests ……………………………………………………………</t>
  </si>
  <si>
    <t>Other resources ………………………………………………………..</t>
  </si>
  <si>
    <t>Other revenue:</t>
  </si>
  <si>
    <t>Medical Services Plan premiums ………………………..</t>
  </si>
  <si>
    <t>Post-secondary education fees ……………………………………………………</t>
  </si>
  <si>
    <t>Other healthcare related fees ……………………………..</t>
  </si>
  <si>
    <t>Motor vehicle licences and permits ……………………</t>
  </si>
  <si>
    <t>Other fees and licences …………………………………………………</t>
  </si>
  <si>
    <t>Investment earnings …………………………………………..</t>
  </si>
  <si>
    <t>Sales of goods and services ………………………………………..</t>
  </si>
  <si>
    <t>Miscellaneous …………………………………………………….</t>
  </si>
  <si>
    <t>Contributions from the federal government:</t>
  </si>
  <si>
    <t>Canada Health Transfer ……………………………………………..</t>
  </si>
  <si>
    <t>Canada Social Transfer ……………………………………………..</t>
  </si>
  <si>
    <t>Other cost shared agreements ………………………………………</t>
  </si>
  <si>
    <t>Commercial Crown corporation net income:</t>
  </si>
  <si>
    <r>
      <t xml:space="preserve">BC Hydro </t>
    </r>
    <r>
      <rPr>
        <vertAlign val="superscript"/>
        <sz val="8"/>
        <rFont val="Arial"/>
        <family val="2"/>
      </rPr>
      <t xml:space="preserve">3 </t>
    </r>
    <r>
      <rPr>
        <sz val="8"/>
        <rFont val="Arial"/>
        <family val="2"/>
      </rPr>
      <t>…………………………………………………………</t>
    </r>
  </si>
  <si>
    <t>Liquor Distribution Branch ………………………………….</t>
  </si>
  <si>
    <r>
      <t xml:space="preserve">BC Lottery Corporation </t>
    </r>
    <r>
      <rPr>
        <vertAlign val="superscript"/>
        <sz val="8"/>
        <rFont val="Arial"/>
        <family val="2"/>
      </rPr>
      <t xml:space="preserve">4 </t>
    </r>
    <r>
      <rPr>
        <sz val="8"/>
        <rFont val="Arial"/>
        <family val="2"/>
      </rPr>
      <t>…………………………………………………………</t>
    </r>
  </si>
  <si>
    <t>ICBC ………………………..…………………………………..</t>
  </si>
  <si>
    <t>Other …………………………………………………………</t>
  </si>
  <si>
    <r>
      <t xml:space="preserve">Accounting adjustments </t>
    </r>
    <r>
      <rPr>
        <vertAlign val="superscript"/>
        <sz val="8"/>
        <rFont val="Arial"/>
        <family val="2"/>
      </rPr>
      <t xml:space="preserve">3 </t>
    </r>
    <r>
      <rPr>
        <sz val="8"/>
        <rFont val="Arial"/>
        <family val="2"/>
      </rPr>
      <t>…………………………………………………………</t>
    </r>
  </si>
  <si>
    <r>
      <t>Total revenue</t>
    </r>
    <r>
      <rPr>
        <sz val="8"/>
        <rFont val="Arial"/>
        <family val="2"/>
      </rPr>
      <t xml:space="preserve"> ……………………………………………………….</t>
    </r>
  </si>
  <si>
    <t>Figures have been restated to reflect government accounting policies in effect at March 31, 2020.</t>
  </si>
  <si>
    <t>Figures have been restated to reflect government accounting policies in effect at March 31, 2024. 
The accounting treatment is revised from deferred accrual to cash basis for Crown land tenures, motor vehicle and other fees for all historical years.</t>
  </si>
  <si>
    <t>Includes social service tax, hotel room tax, provincial sales tax, tax on designated properties and housing transition tax.</t>
  </si>
  <si>
    <t>BC Hydro's loss in 2018/19 includes a write-off of a regulatory account. At the summary level, the Province recognized a $950 million adjustment in fiscal 2017/18 with respect to BC Hydro's deferred regulatory accounts.</t>
  </si>
  <si>
    <r>
      <t>Net of payments to the federal government and starting in 2021/22, is also net of payments to the BC First Nations Gaming Revenue Sharing Limited Partnership in accordance with section 14.3 of the</t>
    </r>
    <r>
      <rPr>
        <i/>
        <sz val="7"/>
        <rFont val="Arial"/>
        <family val="2"/>
      </rPr>
      <t>Gaming Control Act (B.C.)</t>
    </r>
    <r>
      <rPr>
        <sz val="7"/>
        <rFont val="Arial"/>
        <family val="2"/>
      </rPr>
      <t>.</t>
    </r>
  </si>
  <si>
    <t>Table A2.5   Revenue by Source Supplementary Information – 2012/13 to 2023/24</t>
  </si>
  <si>
    <r>
      <t xml:space="preserve">Per cent of Nominal GDP: </t>
    </r>
    <r>
      <rPr>
        <b/>
        <vertAlign val="superscript"/>
        <sz val="8"/>
        <rFont val="Arial"/>
        <family val="2"/>
      </rPr>
      <t>1</t>
    </r>
  </si>
  <si>
    <t>Taxation ………………………………………………………………</t>
  </si>
  <si>
    <t>Natural resources ……………………………………………….</t>
  </si>
  <si>
    <t>Other …………………………………………………………………..</t>
  </si>
  <si>
    <t>Contributions from the federal government …………………………………</t>
  </si>
  <si>
    <t>Commercial Crown corporation net income …………………………………………….</t>
  </si>
  <si>
    <r>
      <t>Total revenue</t>
    </r>
    <r>
      <rPr>
        <sz val="8"/>
        <rFont val="Arial"/>
        <family val="2"/>
      </rPr>
      <t xml:space="preserve"> …………………………………………..</t>
    </r>
  </si>
  <si>
    <t>Growth rates (per cent):</t>
  </si>
  <si>
    <t xml:space="preserve">     n/a</t>
  </si>
  <si>
    <r>
      <t xml:space="preserve">Per capita ($): </t>
    </r>
    <r>
      <rPr>
        <b/>
        <vertAlign val="superscript"/>
        <sz val="8"/>
        <rFont val="Arial"/>
        <family val="2"/>
      </rPr>
      <t>2</t>
    </r>
  </si>
  <si>
    <r>
      <t xml:space="preserve">Real Per Capita Revenue (2023 $) </t>
    </r>
    <r>
      <rPr>
        <b/>
        <vertAlign val="superscript"/>
        <sz val="8"/>
        <rFont val="Arial"/>
        <family val="2"/>
      </rPr>
      <t xml:space="preserve">3 </t>
    </r>
    <r>
      <rPr>
        <sz val="8"/>
        <rFont val="Arial"/>
        <family val="2"/>
      </rPr>
      <t>…………………………………………..</t>
    </r>
  </si>
  <si>
    <t>Growth rate (per cent) ………………………………………………………..</t>
  </si>
  <si>
    <t>Other</t>
  </si>
  <si>
    <r>
      <t xml:space="preserve">Table A2.6   Expense by Function – 2012/13 to 2023/24 </t>
    </r>
    <r>
      <rPr>
        <b/>
        <vertAlign val="superscript"/>
        <sz val="8"/>
        <rFont val="Arial"/>
        <family val="2"/>
      </rPr>
      <t>1</t>
    </r>
  </si>
  <si>
    <t xml:space="preserve">
Actual
2017/18</t>
  </si>
  <si>
    <t xml:space="preserve">
Actual
2018/19</t>
  </si>
  <si>
    <t xml:space="preserve">
Actual
2019/20</t>
  </si>
  <si>
    <t xml:space="preserve">
Actual
2020/21</t>
  </si>
  <si>
    <t xml:space="preserve">
Actual
2021/22</t>
  </si>
  <si>
    <t xml:space="preserve">
Actual
2022/23</t>
  </si>
  <si>
    <t xml:space="preserve">
Actual
2023/24</t>
  </si>
  <si>
    <t>Function:</t>
  </si>
  <si>
    <t>Health:</t>
  </si>
  <si>
    <t>Medical Services Plan ……………………………………..</t>
  </si>
  <si>
    <t>Pharmacare ……………………………………………….</t>
  </si>
  <si>
    <t>Regional services ………………………………………..</t>
  </si>
  <si>
    <t>Other healthcare expenses ……………………………………</t>
  </si>
  <si>
    <t>Education:</t>
  </si>
  <si>
    <t>Elementary and secondary ……………………………………………</t>
  </si>
  <si>
    <t>Post-secondary ………………………………………………….</t>
  </si>
  <si>
    <t>Other education expenses …………………………………….</t>
  </si>
  <si>
    <t>Social services:</t>
  </si>
  <si>
    <t>Social assistance ………………………………………………</t>
  </si>
  <si>
    <t>Child welfare ……………………………………………</t>
  </si>
  <si>
    <t>Low income tax credit transfers ……………………………………………</t>
  </si>
  <si>
    <t>Community living and other services ……………………………………………….</t>
  </si>
  <si>
    <t>Protection of persons and property …………...……………………………………………………………………………………………</t>
  </si>
  <si>
    <t>Transportation ……………………………………………………………………………………………</t>
  </si>
  <si>
    <t xml:space="preserve">Natural resources &amp; </t>
  </si>
  <si>
    <t>economic development ……………………………………………………………………………………………</t>
  </si>
  <si>
    <t>Other ……………………………………………………………………………………………</t>
  </si>
  <si>
    <t>General government ……………………………………………………………………………………………</t>
  </si>
  <si>
    <t>Debt servicing ……………………………………………………………………………………………</t>
  </si>
  <si>
    <r>
      <t>Operating expense</t>
    </r>
    <r>
      <rPr>
        <sz val="8"/>
        <rFont val="Arial"/>
        <family val="2"/>
      </rPr>
      <t xml:space="preserve"> ……………………………………………………….</t>
    </r>
  </si>
  <si>
    <r>
      <t>Total expense</t>
    </r>
    <r>
      <rPr>
        <sz val="8"/>
        <rFont val="Arial"/>
        <family val="2"/>
      </rPr>
      <t xml:space="preserve"> ……………………………………………………….</t>
    </r>
  </si>
  <si>
    <t>Per cent of operating expense:</t>
  </si>
  <si>
    <t>Health ……………………………………………………………………………………………</t>
  </si>
  <si>
    <t>Education ……………………………………………………………………………………………</t>
  </si>
  <si>
    <t>Social services ……………………………………………………………………………………………</t>
  </si>
  <si>
    <t>General government …………………........................................................…….</t>
  </si>
  <si>
    <r>
      <t xml:space="preserve">Table A2.7   Expense by Function Supplementary Information – 2012/13 to 2023/24 </t>
    </r>
    <r>
      <rPr>
        <b/>
        <vertAlign val="superscript"/>
        <sz val="8"/>
        <rFont val="Arial"/>
        <family val="2"/>
      </rPr>
      <t>1</t>
    </r>
  </si>
  <si>
    <r>
      <t xml:space="preserve">Per cent of nominal GDP: </t>
    </r>
    <r>
      <rPr>
        <vertAlign val="superscript"/>
        <sz val="7"/>
        <rFont val="Arial"/>
        <family val="2"/>
      </rPr>
      <t>2</t>
    </r>
  </si>
  <si>
    <r>
      <t xml:space="preserve">Per capita ($): </t>
    </r>
    <r>
      <rPr>
        <vertAlign val="superscript"/>
        <sz val="7"/>
        <rFont val="Arial"/>
        <family val="2"/>
      </rPr>
      <t>3</t>
    </r>
  </si>
  <si>
    <t xml:space="preserve">Real Per Capita </t>
  </si>
  <si>
    <r>
      <t>Operating Expense (2023 $)</t>
    </r>
    <r>
      <rPr>
        <sz val="8"/>
        <rFont val="Arial"/>
        <family val="2"/>
      </rPr>
      <t xml:space="preserve"> </t>
    </r>
    <r>
      <rPr>
        <vertAlign val="superscript"/>
        <sz val="7"/>
        <rFont val="Arial"/>
        <family val="2"/>
      </rPr>
      <t>4</t>
    </r>
    <r>
      <rPr>
        <vertAlign val="superscript"/>
        <sz val="8"/>
        <rFont val="Arial"/>
        <family val="2"/>
      </rPr>
      <t xml:space="preserve"> </t>
    </r>
    <r>
      <rPr>
        <sz val="8"/>
        <rFont val="Arial"/>
        <family val="2"/>
      </rPr>
      <t>…………………………………………..</t>
    </r>
  </si>
  <si>
    <t>Numbers may not add due to rounding.</t>
  </si>
  <si>
    <t>4</t>
  </si>
  <si>
    <t>Table A2.8   Full-Time Equivalents (FTEs) – 2012/13 to 2023/24</t>
  </si>
  <si>
    <t>Taxpayer-supported programs</t>
  </si>
  <si>
    <t>and agencies:</t>
  </si>
  <si>
    <t>Ministries and special offices (CRF) ……………………………………………………………………………………..</t>
  </si>
  <si>
    <r>
      <t xml:space="preserve">Service delivery agencies </t>
    </r>
    <r>
      <rPr>
        <vertAlign val="superscript"/>
        <sz val="8"/>
        <rFont val="Arial"/>
        <family val="2"/>
      </rPr>
      <t>1</t>
    </r>
    <r>
      <rPr>
        <sz val="8"/>
        <rFont val="Arial"/>
        <family val="2"/>
      </rPr>
      <t xml:space="preserve"> …………….....…....………………..…………………………………………..</t>
    </r>
  </si>
  <si>
    <r>
      <t>Total FTEs</t>
    </r>
    <r>
      <rPr>
        <sz val="8"/>
        <rFont val="Arial"/>
        <family val="2"/>
      </rPr>
      <t xml:space="preserve"> ………………………………………………………………………….</t>
    </r>
  </si>
  <si>
    <t>Service delivery agencies …………….....…....………………..…………………………………………..</t>
  </si>
  <si>
    <r>
      <t xml:space="preserve">Population per FTE: </t>
    </r>
    <r>
      <rPr>
        <vertAlign val="superscript"/>
        <sz val="8"/>
        <rFont val="Arial"/>
        <family val="2"/>
      </rPr>
      <t>2</t>
    </r>
  </si>
  <si>
    <t>Total FTEs ……………………………………………………………………………………..</t>
  </si>
  <si>
    <t>Service delivery agency FTE figures do not include SUCH sector staff employment.</t>
  </si>
  <si>
    <t>Table A2.9   Capital Spending – 2012/13 to 2023/24</t>
  </si>
  <si>
    <t>Actual 
2012/13</t>
  </si>
  <si>
    <t>Actual 
2013/14</t>
  </si>
  <si>
    <t>Actual 
2014/15</t>
  </si>
  <si>
    <t>Actual 
2015/16</t>
  </si>
  <si>
    <t>Actual 
2016/17</t>
  </si>
  <si>
    <t>Actual 
2017/18</t>
  </si>
  <si>
    <t>Actual 
2018/19</t>
  </si>
  <si>
    <t>Actual 
2019/20</t>
  </si>
  <si>
    <t>Actual 
2020/21</t>
  </si>
  <si>
    <t>Actual 
2021/22</t>
  </si>
  <si>
    <t>Actual 
2022/23</t>
  </si>
  <si>
    <t>Actual 
2023/24</t>
  </si>
  <si>
    <t>Taxpayer-supported:</t>
  </si>
  <si>
    <t>Education</t>
  </si>
  <si>
    <t>Schools (K–12) ………………………………………………</t>
  </si>
  <si>
    <t>Post-secondary …………………………………………….</t>
  </si>
  <si>
    <t>Health ……………………………………………………………….</t>
  </si>
  <si>
    <t>BC Transportation Financing Authority …………………………………………………….</t>
  </si>
  <si>
    <t>BC Transit ………………………………………………….</t>
  </si>
  <si>
    <t>Rapid Transit Project 2000 ………………………………………………….</t>
  </si>
  <si>
    <t>BC Ferries …………………………………………………………</t>
  </si>
  <si>
    <t>Vancouver Convention Centre expansion ………………………………………………….</t>
  </si>
  <si>
    <t>BC Place redevelopment ………………………………………………….</t>
  </si>
  <si>
    <t>Government direct (ministries) ………………………………………………….</t>
  </si>
  <si>
    <t>Housing……………………………………………………………………………..…………………………………………….</t>
  </si>
  <si>
    <t>Other …………………………………………………………………</t>
  </si>
  <si>
    <t>Self-supported:</t>
  </si>
  <si>
    <t>BC Hydro …………………………………………………………..</t>
  </si>
  <si>
    <t>BC Transmission Corporation …………………………………..</t>
  </si>
  <si>
    <t>Columbia Basin power projects …………………………………..</t>
  </si>
  <si>
    <t>Transportation Investment Corp. ……………………………………………………………..…………………………….</t>
  </si>
  <si>
    <t>BC Railway Company ………………………………………………………………</t>
  </si>
  <si>
    <t>ICBC …………………………………………………………………..</t>
  </si>
  <si>
    <t>BC Lottery Corporation …………………………………………………………..</t>
  </si>
  <si>
    <t>Liquor Distribution Branch ……………………………………………………</t>
  </si>
  <si>
    <t>Other .......................................................................................</t>
  </si>
  <si>
    <r>
      <t>Total capital spending</t>
    </r>
    <r>
      <rPr>
        <sz val="8"/>
        <rFont val="Arial"/>
        <family val="2"/>
      </rPr>
      <t xml:space="preserve"> ……………………………………………………….</t>
    </r>
  </si>
  <si>
    <r>
      <t xml:space="preserve">Per cent of Nominal GDP: </t>
    </r>
    <r>
      <rPr>
        <vertAlign val="superscript"/>
        <sz val="8"/>
        <rFont val="Arial"/>
        <family val="2"/>
      </rPr>
      <t>1</t>
    </r>
  </si>
  <si>
    <t>Taxpayer-supported ………………………………………………………………….</t>
  </si>
  <si>
    <t>Self-supported ……………………………………………………</t>
  </si>
  <si>
    <r>
      <t>Total</t>
    </r>
    <r>
      <rPr>
        <sz val="8"/>
        <rFont val="Arial"/>
        <family val="2"/>
      </rPr>
      <t xml:space="preserve"> …………………………………………...…………………………………………………</t>
    </r>
  </si>
  <si>
    <r>
      <t xml:space="preserve">Per capita: </t>
    </r>
    <r>
      <rPr>
        <vertAlign val="superscript"/>
        <sz val="8"/>
        <rFont val="Arial"/>
        <family val="2"/>
      </rPr>
      <t>2</t>
    </r>
  </si>
  <si>
    <r>
      <t>Real Per Capita Capital Spending (2023 $)</t>
    </r>
    <r>
      <rPr>
        <sz val="8"/>
        <rFont val="Arial"/>
        <family val="2"/>
      </rPr>
      <t xml:space="preserve"> </t>
    </r>
    <r>
      <rPr>
        <vertAlign val="superscript"/>
        <sz val="8"/>
        <rFont val="Arial"/>
        <family val="2"/>
      </rPr>
      <t>3</t>
    </r>
    <r>
      <rPr>
        <sz val="8"/>
        <rFont val="Arial"/>
        <family val="2"/>
      </rPr>
      <t>…………………………………………..</t>
    </r>
  </si>
  <si>
    <t xml:space="preserve">            </t>
  </si>
  <si>
    <t>Table A2.10   Provincial Debt – 2012/13 to 2023/24</t>
  </si>
  <si>
    <t>Actual
2017/18</t>
  </si>
  <si>
    <t>Actual
2018/19</t>
  </si>
  <si>
    <t>Taxpayer-supported debt:</t>
  </si>
  <si>
    <t>Provincial government</t>
  </si>
  <si>
    <t>Operating …..............................................................................................</t>
  </si>
  <si>
    <t>Capital</t>
  </si>
  <si>
    <t xml:space="preserve">   K-12 education……............................................................................................................</t>
  </si>
  <si>
    <t xml:space="preserve">   Post-secondary institutions…........................................................</t>
  </si>
  <si>
    <t xml:space="preserve">   Health facilities……............................................................................................................</t>
  </si>
  <si>
    <t xml:space="preserve">   Ministries general capital……............................................................................................................</t>
  </si>
  <si>
    <t xml:space="preserve">   Transportation ……............................................................................................................</t>
  </si>
  <si>
    <t xml:space="preserve">   Social housing ……............................................................................................................</t>
  </si>
  <si>
    <t xml:space="preserve">   Other ……............................................................................................................</t>
  </si>
  <si>
    <t>Total capital …......................................................................................................</t>
  </si>
  <si>
    <r>
      <t xml:space="preserve">Total provincial government </t>
    </r>
    <r>
      <rPr>
        <sz val="8"/>
        <rFont val="Arial"/>
        <family val="2"/>
      </rPr>
      <t>…...............................................................</t>
    </r>
  </si>
  <si>
    <t>Taxpayer-supported entities:</t>
  </si>
  <si>
    <t>School districts …………………………………………………………………</t>
  </si>
  <si>
    <t>Post-secondary institutions ………………………………………………………</t>
  </si>
  <si>
    <t>Health authorities &amp; hospital societies….........................................................................................................</t>
  </si>
  <si>
    <t>BC Transportation Financing Authority ………………………………………….</t>
  </si>
  <si>
    <t>BC Pavilion Corporation …………………………………………………</t>
  </si>
  <si>
    <t>BC Transit ……………………......................…..</t>
  </si>
  <si>
    <t>InBC Investment Corp …………………………………………………</t>
  </si>
  <si>
    <t>Social housing …………………………………………………</t>
  </si>
  <si>
    <t>Other …………………………………………………….</t>
  </si>
  <si>
    <r>
      <t>Total taxpayer-supported entities</t>
    </r>
    <r>
      <rPr>
        <sz val="8"/>
        <rFont val="Arial"/>
        <family val="2"/>
      </rPr>
      <t>…....................................................................................</t>
    </r>
  </si>
  <si>
    <r>
      <t>Total taxpayer-supported debt</t>
    </r>
    <r>
      <rPr>
        <sz val="8"/>
        <rFont val="Arial"/>
        <family val="2"/>
      </rPr>
      <t xml:space="preserve"> ……………………………………………..</t>
    </r>
  </si>
  <si>
    <t>Self-supported debt:</t>
  </si>
  <si>
    <t>Commercial Crown corporations and agencies</t>
  </si>
  <si>
    <t>BC Hydro …………………………………………………...………………………….…………….</t>
  </si>
  <si>
    <t>BC Liquor Distribution Branch …………………...……………………..</t>
  </si>
  <si>
    <t xml:space="preserve">    n/a</t>
  </si>
  <si>
    <t>BC Lottery Corporation …………………………………………………………</t>
  </si>
  <si>
    <t>Columbia Basin power projects …………………...……………………..</t>
  </si>
  <si>
    <t>Columbia Power Corporation …………………………………………………………</t>
  </si>
  <si>
    <t>Post-secondary institution subsidiaries …………………………………………………………</t>
  </si>
  <si>
    <t>Transportation Investment Corporation  ……………………………………………………………..…………………………….</t>
  </si>
  <si>
    <r>
      <t>Total self-supported debt</t>
    </r>
    <r>
      <rPr>
        <sz val="8"/>
        <rFont val="Arial"/>
        <family val="2"/>
      </rPr>
      <t xml:space="preserve"> ……………………………………………..</t>
    </r>
  </si>
  <si>
    <r>
      <t>Total provincial debt</t>
    </r>
    <r>
      <rPr>
        <sz val="8"/>
        <rFont val="Arial"/>
        <family val="2"/>
      </rPr>
      <t xml:space="preserve"> ……………………………………………………….</t>
    </r>
  </si>
  <si>
    <t xml:space="preserve">Table A2.11  Provincial Debt Supplementary Information – 2012/13 to 2023/24 </t>
  </si>
  <si>
    <r>
      <t xml:space="preserve">Per cent of nominal GDP: </t>
    </r>
    <r>
      <rPr>
        <vertAlign val="superscript"/>
        <sz val="7"/>
        <rFont val="Arial"/>
        <family val="2"/>
      </rPr>
      <t>1</t>
    </r>
  </si>
  <si>
    <t>Provincial government direct operating ……………………………………………..</t>
  </si>
  <si>
    <t>Provincial government capital ……………………………………………..</t>
  </si>
  <si>
    <t>Total provincial government............................................................................................................................</t>
  </si>
  <si>
    <t>Taxpayer-supported entities…...........................................................................</t>
  </si>
  <si>
    <t>Total taxpayer-supported debt ……………………………………………..</t>
  </si>
  <si>
    <t xml:space="preserve">Commercial Crown corporations </t>
  </si>
  <si>
    <t>and agencies ……………………………………...................................................................................................</t>
  </si>
  <si>
    <r>
      <t>Total provincial debt</t>
    </r>
    <r>
      <rPr>
        <sz val="8"/>
        <rFont val="Arial"/>
        <family val="2"/>
      </rPr>
      <t xml:space="preserve"> …………………………………………..</t>
    </r>
  </si>
  <si>
    <t>Commercial Crown corporations</t>
  </si>
  <si>
    <t>and agencies …………………………………..................................................................................…</t>
  </si>
  <si>
    <r>
      <t xml:space="preserve">Per capita: </t>
    </r>
    <r>
      <rPr>
        <vertAlign val="superscript"/>
        <sz val="7"/>
        <rFont val="Arial"/>
        <family val="2"/>
      </rPr>
      <t>2</t>
    </r>
  </si>
  <si>
    <r>
      <t>Real Per Capita Provincial Debt (2023 $)</t>
    </r>
    <r>
      <rPr>
        <sz val="8"/>
        <rFont val="Arial"/>
        <family val="2"/>
      </rPr>
      <t xml:space="preserve"> </t>
    </r>
    <r>
      <rPr>
        <vertAlign val="superscript"/>
        <sz val="7"/>
        <rFont val="Arial"/>
        <family val="2"/>
      </rPr>
      <t xml:space="preserve">3 </t>
    </r>
    <r>
      <rPr>
        <sz val="8"/>
        <rFont val="Arial"/>
        <family val="2"/>
      </rPr>
      <t>…………………………………………..</t>
    </r>
  </si>
  <si>
    <r>
      <t xml:space="preserve">Table A2.12   Key Provincial Debt Indicators – 2012/13 to 2023/24 </t>
    </r>
    <r>
      <rPr>
        <b/>
        <vertAlign val="superscript"/>
        <sz val="8"/>
        <rFont val="Arial"/>
        <family val="2"/>
      </rPr>
      <t>1</t>
    </r>
  </si>
  <si>
    <t>Debt to revenue (per cent)</t>
  </si>
  <si>
    <t>Total provincial ..........……………………………………………</t>
  </si>
  <si>
    <t>Taxpayer-supported .....……………………………………………………</t>
  </si>
  <si>
    <r>
      <t xml:space="preserve">Debt per capita ($) </t>
    </r>
    <r>
      <rPr>
        <vertAlign val="superscript"/>
        <sz val="8"/>
        <rFont val="Arial"/>
        <family val="2"/>
      </rPr>
      <t>2</t>
    </r>
  </si>
  <si>
    <t>Total provincial ..........……………………………………………………..</t>
  </si>
  <si>
    <t>Taxpayer-supported .....…………………………………………………….</t>
  </si>
  <si>
    <r>
      <t xml:space="preserve">Debt to nominal GDP (per cent) </t>
    </r>
    <r>
      <rPr>
        <vertAlign val="superscript"/>
        <sz val="8"/>
        <rFont val="Arial"/>
        <family val="2"/>
      </rPr>
      <t>3</t>
    </r>
  </si>
  <si>
    <t>Total provincial ..........………………………………………………………</t>
  </si>
  <si>
    <t>Taxpayer-supported .....……………………………………………</t>
  </si>
  <si>
    <r>
      <t xml:space="preserve">Interest bite (cents per dollar of revenue) </t>
    </r>
    <r>
      <rPr>
        <vertAlign val="superscript"/>
        <sz val="8"/>
        <rFont val="Arial"/>
        <family val="2"/>
      </rPr>
      <t>4</t>
    </r>
  </si>
  <si>
    <t>Interest costs ($ millions)</t>
  </si>
  <si>
    <t>Total provincial ..........…………………………………………………..</t>
  </si>
  <si>
    <t>Taxpayer-supported .....……………………………………………..</t>
  </si>
  <si>
    <r>
      <t xml:space="preserve">Interest rate (per cent) </t>
    </r>
    <r>
      <rPr>
        <vertAlign val="superscript"/>
        <sz val="8"/>
        <rFont val="Arial"/>
        <family val="2"/>
      </rPr>
      <t>5</t>
    </r>
  </si>
  <si>
    <t>Taxpayer-supported .....………………………………………………….</t>
  </si>
  <si>
    <t>Revenue Factor for Key Indicators ($ millions)</t>
  </si>
  <si>
    <r>
      <t xml:space="preserve">Total provincial </t>
    </r>
    <r>
      <rPr>
        <vertAlign val="superscript"/>
        <sz val="8"/>
        <rFont val="Arial"/>
        <family val="2"/>
      </rPr>
      <t xml:space="preserve">6 </t>
    </r>
    <r>
      <rPr>
        <sz val="8"/>
        <rFont val="Arial"/>
        <family val="2"/>
      </rPr>
      <t>............…………………………………………….</t>
    </r>
  </si>
  <si>
    <r>
      <t xml:space="preserve">Taxpayer-supported </t>
    </r>
    <r>
      <rPr>
        <vertAlign val="superscript"/>
        <sz val="8"/>
        <rFont val="Arial"/>
        <family val="2"/>
      </rPr>
      <t xml:space="preserve">7 </t>
    </r>
    <r>
      <rPr>
        <sz val="8"/>
        <rFont val="Arial"/>
        <family val="2"/>
      </rPr>
      <t>..………………………………………………….…….</t>
    </r>
  </si>
  <si>
    <t>Debt ($ millions)</t>
  </si>
  <si>
    <t>Total provincial ..............………………………………………………</t>
  </si>
  <si>
    <r>
      <t xml:space="preserve">Taxpayer-supported </t>
    </r>
    <r>
      <rPr>
        <vertAlign val="superscript"/>
        <sz val="8"/>
        <rFont val="Arial"/>
        <family val="2"/>
      </rPr>
      <t xml:space="preserve">8 </t>
    </r>
    <r>
      <rPr>
        <sz val="8"/>
        <rFont val="Arial"/>
        <family val="2"/>
      </rPr>
      <t>..………………………………………………</t>
    </r>
  </si>
  <si>
    <r>
      <t xml:space="preserve">Provincial nominal GDP ($ millions) </t>
    </r>
    <r>
      <rPr>
        <vertAlign val="superscript"/>
        <sz val="8"/>
        <rFont val="Arial"/>
        <family val="2"/>
      </rPr>
      <t xml:space="preserve">9 </t>
    </r>
    <r>
      <rPr>
        <sz val="8"/>
        <rFont val="Arial"/>
        <family val="2"/>
      </rPr>
      <t>..............………………………………………………….</t>
    </r>
  </si>
  <si>
    <r>
      <t xml:space="preserve">Population (thousands at July 1) </t>
    </r>
    <r>
      <rPr>
        <vertAlign val="superscript"/>
        <sz val="8"/>
        <rFont val="Arial"/>
        <family val="2"/>
      </rPr>
      <t xml:space="preserve">10 </t>
    </r>
    <r>
      <rPr>
        <sz val="8"/>
        <rFont val="Arial"/>
        <family val="2"/>
      </rPr>
      <t>.......……………………………………..</t>
    </r>
  </si>
  <si>
    <t xml:space="preserve">The ratio of interest costs (less sinking fund interest) to revenue. Figures include capitalized interest expense in order to provide a more comparable measure to outstanding debt.              </t>
  </si>
  <si>
    <t>Weighted average of all outstanding debt issues.</t>
  </si>
  <si>
    <t>Includes revenue of the consolidated revenue fund (excluding dividends from enterprises) plus revenue of all government organizations and enterprises.</t>
  </si>
  <si>
    <t>Excludes revenue of government enterprises, but includes dividends from enterprises paid to the consolidated revenue fund.</t>
  </si>
  <si>
    <t xml:space="preserve">Excludes debt of commercial Crown corporations and agencies and funds held under the province's warehouse borrowing program.              </t>
  </si>
  <si>
    <r>
      <t xml:space="preserve">Table A2.13   Historical Operating Statement Surplus (Deficit) </t>
    </r>
    <r>
      <rPr>
        <b/>
        <vertAlign val="superscript"/>
        <sz val="10"/>
        <rFont val="Arial"/>
        <family val="2"/>
      </rPr>
      <t>1</t>
    </r>
  </si>
  <si>
    <t>Crown</t>
  </si>
  <si>
    <t>Surplus</t>
  </si>
  <si>
    <t>Corporations</t>
  </si>
  <si>
    <t>(Deficit)</t>
  </si>
  <si>
    <t>Consolidated Revenue Fund</t>
  </si>
  <si>
    <t>and</t>
  </si>
  <si>
    <t>SUCH</t>
  </si>
  <si>
    <t>as a Per Cent</t>
  </si>
  <si>
    <t>Revenue</t>
  </si>
  <si>
    <t>Expenditure</t>
  </si>
  <si>
    <t>Balance</t>
  </si>
  <si>
    <t>Agencies</t>
  </si>
  <si>
    <t>Sector</t>
  </si>
  <si>
    <t>Adjustments</t>
  </si>
  <si>
    <r>
      <t xml:space="preserve">(Deficit) </t>
    </r>
    <r>
      <rPr>
        <vertAlign val="superscript"/>
        <sz val="8"/>
        <rFont val="Arial"/>
        <family val="2"/>
      </rPr>
      <t>1</t>
    </r>
  </si>
  <si>
    <t>of GDP</t>
  </si>
  <si>
    <t>1970/71 ……………………………………….</t>
  </si>
  <si>
    <t>1971/72 ……………………………………….</t>
  </si>
  <si>
    <t>1972/73 ……………………………………….</t>
  </si>
  <si>
    <t>1973/74 ………………………………………..</t>
  </si>
  <si>
    <t>1974/75 ……………………………………….</t>
  </si>
  <si>
    <t>1975/76 ……………………………………….</t>
  </si>
  <si>
    <t>1976/77 ……………………………………….</t>
  </si>
  <si>
    <t>1977/78 ……………………………………….</t>
  </si>
  <si>
    <t>1978/79 ……………………………………….</t>
  </si>
  <si>
    <r>
      <t>1979/80</t>
    </r>
    <r>
      <rPr>
        <vertAlign val="superscript"/>
        <sz val="8"/>
        <rFont val="Arial"/>
        <family val="2"/>
      </rPr>
      <t xml:space="preserve"> 1</t>
    </r>
    <r>
      <rPr>
        <sz val="9"/>
        <rFont val="Arial"/>
        <family val="2"/>
      </rPr>
      <t>……………………………………….</t>
    </r>
  </si>
  <si>
    <t>1980/81 ……………………………………….</t>
  </si>
  <si>
    <t>1981/82 ……………………………………….</t>
  </si>
  <si>
    <t>1982/83 ……………………………………….</t>
  </si>
  <si>
    <t>1983/84 ……………………………………….</t>
  </si>
  <si>
    <t>1984/85 ……………………………………….</t>
  </si>
  <si>
    <t>1985/86 ……………………………………….</t>
  </si>
  <si>
    <t>1986/87 ……………………………………….</t>
  </si>
  <si>
    <t>1987/88 ……………………………………….</t>
  </si>
  <si>
    <t>1988/89 ……………………………………….</t>
  </si>
  <si>
    <t>1989/90 ……………………………………….</t>
  </si>
  <si>
    <t>1990/91 ……………………………………….</t>
  </si>
  <si>
    <t>1991/92 ……………………………………….</t>
  </si>
  <si>
    <t>1992/93 ……………………………………….</t>
  </si>
  <si>
    <t>1993/94 ……………………………………….</t>
  </si>
  <si>
    <t>1994/95 ……………………………………….</t>
  </si>
  <si>
    <t>1995/96 ……………………………………….</t>
  </si>
  <si>
    <t>1996/97 ……………………………………….</t>
  </si>
  <si>
    <t>1997/98 ……………………………………….</t>
  </si>
  <si>
    <t>1998/99 ……………………………………….</t>
  </si>
  <si>
    <t>1999/2000 ……………………………………….</t>
  </si>
  <si>
    <t>2000/01 ……………………………………….</t>
  </si>
  <si>
    <t>2001/02 ……………………………………….</t>
  </si>
  <si>
    <t>2002/03 ……………………………………….</t>
  </si>
  <si>
    <t>2003/04 ……………………………………….</t>
  </si>
  <si>
    <t>2004/05 ……………………………………….</t>
  </si>
  <si>
    <t>2005/06 ……………………………………….</t>
  </si>
  <si>
    <t>2006/07 ……………………………………….</t>
  </si>
  <si>
    <t>2007/08 ……………………………………….</t>
  </si>
  <si>
    <t>4,5</t>
  </si>
  <si>
    <t>2008/09 ……………………………………….</t>
  </si>
  <si>
    <t>2009/10 ……………………………………….</t>
  </si>
  <si>
    <t>2010/11 ……………………………………….</t>
  </si>
  <si>
    <t>2011/12 ……………………………………….</t>
  </si>
  <si>
    <t>2012/13 ……………………………………….</t>
  </si>
  <si>
    <t>2013/14 ……………………………………….</t>
  </si>
  <si>
    <t>2014/15 ……………………………………….</t>
  </si>
  <si>
    <t>2015/16 ……………………………………….</t>
  </si>
  <si>
    <t>2016/17 ……………………………………….</t>
  </si>
  <si>
    <t>2017/18 ……………………………………….</t>
  </si>
  <si>
    <t>2018/19 ……………………………………….</t>
  </si>
  <si>
    <t>2019/20 ……………………………………….</t>
  </si>
  <si>
    <t>2020/21 ……………………………………….</t>
  </si>
  <si>
    <t>2021/22 ……………………………………….</t>
  </si>
  <si>
    <t>2022/23 ……………………………………….</t>
  </si>
  <si>
    <t>2023/24 ……………………………………….</t>
  </si>
  <si>
    <r>
      <rPr>
        <vertAlign val="superscript"/>
        <sz val="7"/>
        <rFont val="Arial"/>
        <family val="2"/>
      </rPr>
      <t>1</t>
    </r>
    <r>
      <rPr>
        <sz val="7"/>
        <rFont val="Arial"/>
        <family val="2"/>
      </rPr>
      <t xml:space="preserve"> </t>
    </r>
  </si>
  <si>
    <r>
      <rPr>
        <vertAlign val="superscript"/>
        <sz val="7"/>
        <rFont val="Arial"/>
        <family val="2"/>
      </rPr>
      <t>2</t>
    </r>
    <r>
      <rPr>
        <sz val="7"/>
        <rFont val="Arial"/>
        <family val="2"/>
      </rPr>
      <t xml:space="preserve"> </t>
    </r>
  </si>
  <si>
    <t>Does not include the $256 million transfer to the CRF for the wind-up of Forest Renewal BC and Fisheries Renewal BC.</t>
  </si>
  <si>
    <t>Impact of move to joint trusteeship for public service pension plans.</t>
  </si>
  <si>
    <r>
      <rPr>
        <vertAlign val="superscript"/>
        <sz val="7"/>
        <rFont val="Arial"/>
        <family val="2"/>
      </rPr>
      <t>4</t>
    </r>
    <r>
      <rPr>
        <sz val="7"/>
        <rFont val="Arial"/>
        <family val="2"/>
      </rPr>
      <t xml:space="preserve"> </t>
    </r>
  </si>
  <si>
    <t>Negotiating framework incentive payments.</t>
  </si>
  <si>
    <r>
      <rPr>
        <vertAlign val="superscript"/>
        <sz val="7"/>
        <rFont val="Arial"/>
        <family val="2"/>
      </rPr>
      <t>5</t>
    </r>
    <r>
      <rPr>
        <sz val="7"/>
        <rFont val="Arial"/>
        <family val="2"/>
      </rPr>
      <t xml:space="preserve"> </t>
    </r>
  </si>
  <si>
    <t>Climate Action Dividend.</t>
  </si>
  <si>
    <r>
      <rPr>
        <vertAlign val="superscript"/>
        <sz val="7"/>
        <rFont val="Arial"/>
        <family val="2"/>
      </rPr>
      <t>6</t>
    </r>
    <r>
      <rPr>
        <sz val="7"/>
        <rFont val="Arial"/>
        <family val="2"/>
      </rPr>
      <t xml:space="preserve"> </t>
    </r>
  </si>
  <si>
    <t>One-time HST transition repayment.</t>
  </si>
  <si>
    <r>
      <t xml:space="preserve">Table A2.14   Historical Provincial Debt Summary </t>
    </r>
    <r>
      <rPr>
        <b/>
        <vertAlign val="superscript"/>
        <sz val="8"/>
        <rFont val="Arial"/>
        <family val="2"/>
      </rPr>
      <t>1</t>
    </r>
  </si>
  <si>
    <t>Taxpayer-Supported Debt</t>
  </si>
  <si>
    <t>Year</t>
  </si>
  <si>
    <t>Provincial 
Government 
Direct 
Operating</t>
  </si>
  <si>
    <t>Education 
Facilities 
Capital 
Financing</t>
  </si>
  <si>
    <t>Health 
Facilities 
Capital 
Financing</t>
  </si>
  <si>
    <t>Highways, 
Ferries and 
Public Transit</t>
  </si>
  <si>
    <r>
      <t xml:space="preserve">Other </t>
    </r>
    <r>
      <rPr>
        <vertAlign val="superscript"/>
        <sz val="7"/>
        <rFont val="Arial"/>
        <family val="2"/>
      </rPr>
      <t>2</t>
    </r>
  </si>
  <si>
    <t>Total 
Taxpayer-
Supported 
Debt</t>
  </si>
  <si>
    <r>
      <t xml:space="preserve">Self-
Supported 
Debt </t>
    </r>
    <r>
      <rPr>
        <vertAlign val="superscript"/>
        <sz val="7"/>
        <rFont val="Arial"/>
        <family val="2"/>
      </rPr>
      <t>3</t>
    </r>
  </si>
  <si>
    <t>Total 
Provincial 
Debt</t>
  </si>
  <si>
    <t>Total Debt as a 
Per Cent 
of GDP</t>
  </si>
  <si>
    <t>Taxpayer-
Supported Debt as a Per 
Cent of GDP</t>
  </si>
  <si>
    <t>1969/70 ……………………..</t>
  </si>
  <si>
    <t>1970/71 ……………………..</t>
  </si>
  <si>
    <t>1971/72 ……………………..</t>
  </si>
  <si>
    <t>1972/73 ………………………</t>
  </si>
  <si>
    <t>1973/74 ……………………….</t>
  </si>
  <si>
    <t>1974/75 ………………………</t>
  </si>
  <si>
    <t>1975/76 ………………………</t>
  </si>
  <si>
    <t>1976/77 ………………………..</t>
  </si>
  <si>
    <t>1977/78 ……………………….</t>
  </si>
  <si>
    <t>1978/79 ……………………..</t>
  </si>
  <si>
    <t>1979/80 …………………………</t>
  </si>
  <si>
    <t>1980/81 …………………….</t>
  </si>
  <si>
    <t>1981/82 ……………………….</t>
  </si>
  <si>
    <t>1982/83 ………………………</t>
  </si>
  <si>
    <t>1983/84 ……………………..</t>
  </si>
  <si>
    <t>1984/85 ……………………….</t>
  </si>
  <si>
    <t>1985/86 ……………………..</t>
  </si>
  <si>
    <t>1986/87 ………………………..</t>
  </si>
  <si>
    <t>1987/88 ……………………….</t>
  </si>
  <si>
    <t>1988/89 ……………………….</t>
  </si>
  <si>
    <t>1989/90 ……………………….</t>
  </si>
  <si>
    <t>1990/91 ……………………..</t>
  </si>
  <si>
    <t>1991/92 ……………………….</t>
  </si>
  <si>
    <t>1992/93 ………………………</t>
  </si>
  <si>
    <t>1993/94 ………………………..</t>
  </si>
  <si>
    <t>1994/95 ………………………</t>
  </si>
  <si>
    <t>1995/96 ………………………..</t>
  </si>
  <si>
    <t>1996/97 ………………………</t>
  </si>
  <si>
    <t>1997/98 ………………………..</t>
  </si>
  <si>
    <t>1998/99 …………………………</t>
  </si>
  <si>
    <t>1999/2000 ………………………</t>
  </si>
  <si>
    <t>2000/01 ………………………</t>
  </si>
  <si>
    <t>2001/02 ……………………..</t>
  </si>
  <si>
    <t>2002/03 …………………………..</t>
  </si>
  <si>
    <t>2003/04 ………………………..</t>
  </si>
  <si>
    <t>2004/05 …………………………..</t>
  </si>
  <si>
    <t>2005/06 …………………………..</t>
  </si>
  <si>
    <t>2006/07 …………………………..</t>
  </si>
  <si>
    <t>2007/08 …………………………..</t>
  </si>
  <si>
    <t>2008/09 …………………………..</t>
  </si>
  <si>
    <r>
      <t>2009/10</t>
    </r>
    <r>
      <rPr>
        <sz val="8"/>
        <rFont val="Arial"/>
        <family val="2"/>
      </rPr>
      <t xml:space="preserve"> …………………………..</t>
    </r>
  </si>
  <si>
    <t>2010/11 …………………………..</t>
  </si>
  <si>
    <t>2011/12 …………………………..</t>
  </si>
  <si>
    <t>2012/13 …………………………..</t>
  </si>
  <si>
    <t>2013/14 …………………………..</t>
  </si>
  <si>
    <t>2014/15 …………………………..</t>
  </si>
  <si>
    <t>2015/16 …………………………..</t>
  </si>
  <si>
    <t>2016/17 …………………………..</t>
  </si>
  <si>
    <t>2017/18 …………………………..</t>
  </si>
  <si>
    <t>2018/19 …………………………..</t>
  </si>
  <si>
    <t>2019/20 …………………………..</t>
  </si>
  <si>
    <t>2020/21 …………………………..</t>
  </si>
  <si>
    <t>2021/22 …………………………..</t>
  </si>
  <si>
    <t>2022/23 …………………………..</t>
  </si>
  <si>
    <t>2023/24 …………………………..</t>
  </si>
  <si>
    <r>
      <t xml:space="preserve">Provincial debt is prepared in accordance with Generally Accepted Accounting Principles and presented consistent with the Debt Summary Report included in the </t>
    </r>
    <r>
      <rPr>
        <i/>
        <sz val="7"/>
        <rFont val="Arial"/>
        <family val="2"/>
      </rPr>
      <t>Public Accounts</t>
    </r>
    <r>
      <rPr>
        <sz val="7"/>
        <rFont val="Arial"/>
        <family val="2"/>
      </rPr>
      <t>. Debt is shown net of sinking funds and unamortized discounts, excludes accrued interest, and includes non-guaranteed debt directly incurred by commercial Crown corporations and debt guaranteed by the Province.</t>
    </r>
  </si>
  <si>
    <t>Includes BC Buildings, BC Housing Management Commission, Provincial Rental Housing Corporation, other taxpayer-supported Crown agencies, and loan guarantee provisions. Provincial Rental Housing Corporation has become a subsidiary of BC Housing Management Commission in fiscal 2023/24.</t>
  </si>
  <si>
    <t xml:space="preserve">Includes commercial Crown corporations and agencies and funds held under the province's warehouse borrowing program.     </t>
  </si>
  <si>
    <t>Revenue and expense as a per cent of GDP is calculated using GDP for the calendar year ending in the fiscal year (e.g. 2023/24 amounts divided by GDP for the 2023 calendar year). As nominal GDP for the calendar year ending 2023 is not yet available, the 2023 GDP projected in the February 2024 budget has been used for the fiscal year ended March 31, 2024.</t>
  </si>
  <si>
    <t>Per capita revenue and expense is calculated using July 1 population (e.g. 2023/24 amounts divided by population on July 1, 2023).</t>
  </si>
  <si>
    <t>Net liabilities as a per cent of GDP is calculated using GDP for the calendar year ending in the fiscal year (e.g. 2023/24 amount divided by GDP for the 2023 calendar year). As nominal GDP for the calendar year ending 2023 is not available, the 2023 GDP projected in the February 2024 budget has been used for the fiscal year ended March 31, 2024.</t>
  </si>
  <si>
    <t>Per capita net liabilities is calculated using July 1 population (e.g. 2023/24 amount divided by population on July 1, 2023).</t>
  </si>
  <si>
    <t>Revenue as a per cent of GDP is calculated using GDP for the calendar year ending in the fiscal year (e.g. 2023/24 revenue divided by GDP for the 2023 calendar year). As nominal GDP for the calendar year ending 2023 is not available, the 2023 GDP projected in the February 2024 budget has been used for the fiscal year ended March 31, 2024 for demonstration purposes. Totals may not add due to rounding.</t>
  </si>
  <si>
    <t>Per capita revenue is calculated using July 1 population (e.g. 2023/24 revenue divided by population on July 1, 2023). Totals may not add due to rounding.</t>
  </si>
  <si>
    <t>Revenue is converted to real (inflation-adjusted) terms using the consumer price index (CPI) for the corresponding calendar year (e.g. 2023 CPI for 2023/24 revenue).</t>
  </si>
  <si>
    <t>Expense as a per cent of GDP is an estimate calculated using nominal GDP for the calendar year ending in the fiscal year (e.g. 2023/24 expense divided by nominal GDP for the 2023 calendar year); as nominal GDP for the calendar year ending 2023 is not available, the 2023 GDP projected in the February 2024 budget has been used for the fiscal year ended March 31, 2024.</t>
  </si>
  <si>
    <t>Per capita expense is calculated using July 1 population (e.g. 2023/24 expense divided by population on July 1, 2023).</t>
  </si>
  <si>
    <t>Expense is converted to real (inflation-adjusted) terms using the consumer price index (CPI) for the corresponding calendar year (e.g. 2023 CPI for 2023/24 expense).</t>
  </si>
  <si>
    <t>Population per FTE is calculated using July 1 population (e.g. population on July 1, 2023 divided by 2023/24 FTEs).</t>
  </si>
  <si>
    <t>Capital spending as a per cent of GDP is calculated using GDP for the calendar year ending in the fiscal year (e.g. 2023/24 amounts divided by GDP for the 2023  calendar year). As nominal GDP for the calendar year ending 2023 is not available, the 2023 GDP projected in the February 2024 budget has been used for the fiscal year ended March 31, 2024. Totals may not add due to rounding.</t>
  </si>
  <si>
    <t>Per capita capital spending is calculated using July 1 population (e.g. 2023/24 amounts divided by population on July 1, 2023). Totals may not add due to rounding.</t>
  </si>
  <si>
    <t>Capital spending is converted to real (inflation-adjusted) terms using the consumer price index (CPI) for the corresponding calendar year (e.g. 2023 CPI for 2023/24 capital spending).</t>
  </si>
  <si>
    <t>Debt as a per cent of GDP is calculated using GDP for the calendar year ending in the fiscal year (e.g. 2023/24 debt divided by GDP for the 2023 calendar year). As nominal GDP for the calendar year ending in 2023 is not available, the 2023 GDP projected in the February 2024 budget has been used for the fiscal year ended March 31, 2024. Totals may not add due to rounding.</t>
  </si>
  <si>
    <t>Per capita debt is calculated using July 1 population (e.g. 2023/24 debt divided by population on July 1, 2023). Totals may not add due to rounding.</t>
  </si>
  <si>
    <t>Debt is converted to real (inflation-adjusted) terms using the consumer price index (CPI) for the corresponding calendar year (e.g. 2023 CPI for 2023/24 debt).</t>
  </si>
  <si>
    <t>Figures for prior years have been restated to conform with the presentation used for 2023/24 and to include the effects of changes in underlying data and statistics.</t>
  </si>
  <si>
    <t>The ratio of debt to population (e.g. 2023/24 debt divided by population at July 1, 2023).</t>
  </si>
  <si>
    <t>The ratio of debt outstanding at fiscal year end to provincial nominal gross domestic product (GDP) for the calendar year ending in the fiscal year (e.g. 2023/24 debt divided by 2023 nominal GDP). As nominal GDP for the calendar year ending is not available, the 2023 GDP projected in the February 2024 budget has been used for the fiscal year ended March 31, 2024.</t>
  </si>
  <si>
    <t>Nominal GDP for the calendar year ending in the fiscal year (e.g. Nominal GDP for 2023 is used for the fiscal year ended March 31, 2024). As nominal GDP for the calendar year ending 2023 is not available, the 2023 GDP projected in the February 2024 budget has been used for the fiscal year ended March 31, 2024.</t>
  </si>
  <si>
    <t>Population at July 1st within the fiscal year (e.g. population at July 1, 2023 is used for the fiscal year ended March 31, 2024).</t>
  </si>
  <si>
    <t>The provincial government began publishing summary financial statements in 1979/80. Figures for prior years are unavailable. For 1970/71 to 1978/79, the CRF balance is used in place of the summary accounts surplus/(deficit). Figures have been restated to reflect government accounting policies in effect at March 31, 202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64" formatCode="_(* #,##0_);_(* \(#,##0\);_(* &quot;-&quot;_);_(@_)"/>
    <numFmt numFmtId="165" formatCode="0.0____"/>
    <numFmt numFmtId="166" formatCode="_(* #,##0.0_);_(* \(#,##0.0\);_(* &quot;-&quot;?_);_(@_)"/>
    <numFmt numFmtId="167" formatCode="#,##0.0__"/>
    <numFmt numFmtId="168" formatCode="0.0__"/>
    <numFmt numFmtId="169" formatCode="_(* #,##0.00_);_(* \(#,##0.00\);_(* &quot;-&quot;??_);_(@_)"/>
    <numFmt numFmtId="170" formatCode="#,##0.0_);\(#,##0.0\)"/>
    <numFmt numFmtId="171" formatCode="0.0_)"/>
    <numFmt numFmtId="172" formatCode="_-* #,##0.0_-;\-* #,##0.0_-;_-* &quot;-&quot;??_-;_-@_-"/>
  </numFmts>
  <fonts count="46">
    <font>
      <sz val="11"/>
      <color theme="1"/>
      <name val="Aptos Narrow"/>
      <family val="2"/>
      <scheme val="minor"/>
    </font>
    <font>
      <sz val="10"/>
      <name val="Arial"/>
      <family val="2"/>
    </font>
    <font>
      <b/>
      <sz val="10"/>
      <name val="Arial"/>
      <family val="2"/>
    </font>
    <font>
      <b/>
      <vertAlign val="superscript"/>
      <sz val="8"/>
      <name val="Arial"/>
      <family val="2"/>
    </font>
    <font>
      <b/>
      <sz val="11"/>
      <name val="Arial"/>
      <family val="2"/>
    </font>
    <font>
      <b/>
      <sz val="11"/>
      <color rgb="FFC00000"/>
      <name val="Arial"/>
      <family val="2"/>
    </font>
    <font>
      <sz val="8"/>
      <name val="Arial"/>
      <family val="2"/>
    </font>
    <font>
      <sz val="8"/>
      <color theme="1"/>
      <name val="Arial"/>
      <family val="2"/>
    </font>
    <font>
      <b/>
      <sz val="8"/>
      <name val="Arial"/>
      <family val="2"/>
    </font>
    <font>
      <sz val="8"/>
      <color rgb="FFFF0000"/>
      <name val="Arial"/>
      <family val="2"/>
    </font>
    <font>
      <sz val="10"/>
      <name val="Arial"/>
      <family val="2"/>
    </font>
    <font>
      <u val="singleAccounting"/>
      <sz val="8"/>
      <name val="Arial"/>
      <family val="2"/>
    </font>
    <font>
      <u val="singleAccounting"/>
      <sz val="8"/>
      <color theme="1"/>
      <name val="Arial"/>
      <family val="2"/>
    </font>
    <font>
      <b/>
      <sz val="8"/>
      <color theme="1"/>
      <name val="Arial"/>
      <family val="2"/>
    </font>
    <font>
      <sz val="9"/>
      <name val="Arial"/>
      <family val="2"/>
    </font>
    <font>
      <b/>
      <u val="doubleAccounting"/>
      <sz val="8"/>
      <name val="Arial"/>
      <family val="2"/>
    </font>
    <font>
      <b/>
      <u val="doubleAccounting"/>
      <sz val="8"/>
      <color theme="1"/>
      <name val="Arial"/>
      <family val="2"/>
    </font>
    <font>
      <vertAlign val="superscript"/>
      <sz val="8"/>
      <name val="Arial"/>
      <family val="2"/>
    </font>
    <font>
      <sz val="9"/>
      <color rgb="FFFF0000"/>
      <name val="Arial"/>
      <family val="2"/>
    </font>
    <font>
      <sz val="7"/>
      <name val="Arial"/>
      <family val="2"/>
    </font>
    <font>
      <sz val="8"/>
      <color rgb="FF002060"/>
      <name val="Arial"/>
      <family val="2"/>
    </font>
    <font>
      <sz val="10"/>
      <color rgb="FFFF0000"/>
      <name val="Arial"/>
      <family val="2"/>
    </font>
    <font>
      <sz val="7"/>
      <color rgb="FFFF0000"/>
      <name val="Arial"/>
      <family val="2"/>
    </font>
    <font>
      <b/>
      <sz val="11"/>
      <color rgb="FFFF0000"/>
      <name val="Arial"/>
      <family val="2"/>
    </font>
    <font>
      <b/>
      <sz val="8"/>
      <color rgb="FFFF0000"/>
      <name val="Arial"/>
      <family val="2"/>
    </font>
    <font>
      <i/>
      <sz val="8"/>
      <name val="Arial"/>
      <family val="2"/>
    </font>
    <font>
      <b/>
      <u val="singleAccounting"/>
      <sz val="8"/>
      <name val="Arial"/>
      <family val="2"/>
    </font>
    <font>
      <b/>
      <sz val="9"/>
      <name val="Arial"/>
      <family val="2"/>
    </font>
    <font>
      <b/>
      <vertAlign val="superscript"/>
      <sz val="10"/>
      <name val="Arial"/>
      <family val="2"/>
    </font>
    <font>
      <b/>
      <u val="singleAccounting"/>
      <sz val="8"/>
      <color theme="1"/>
      <name val="Arial"/>
      <family val="2"/>
    </font>
    <font>
      <vertAlign val="superscript"/>
      <sz val="7"/>
      <name val="Arial"/>
      <family val="2"/>
    </font>
    <font>
      <i/>
      <sz val="7"/>
      <name val="Arial"/>
      <family val="2"/>
    </font>
    <font>
      <sz val="8"/>
      <color rgb="FF0070C0"/>
      <name val="Arial"/>
      <family val="2"/>
    </font>
    <font>
      <u/>
      <sz val="8"/>
      <name val="Arial"/>
      <family val="2"/>
    </font>
    <font>
      <u/>
      <sz val="10"/>
      <color theme="10"/>
      <name val="Arial"/>
      <family val="2"/>
    </font>
    <font>
      <u val="doubleAccounting"/>
      <sz val="8"/>
      <name val="Arial"/>
      <family val="2"/>
    </font>
    <font>
      <sz val="11"/>
      <color rgb="FF002060"/>
      <name val="Arial"/>
      <family val="2"/>
    </font>
    <font>
      <sz val="9"/>
      <color rgb="FF002060"/>
      <name val="Arial"/>
      <family val="2"/>
    </font>
    <font>
      <b/>
      <sz val="12"/>
      <name val="Arial"/>
      <family val="2"/>
    </font>
    <font>
      <sz val="5"/>
      <name val="Arial"/>
      <family val="2"/>
    </font>
    <font>
      <vertAlign val="superscript"/>
      <sz val="8"/>
      <color rgb="FFFF0000"/>
      <name val="Arial"/>
      <family val="2"/>
    </font>
    <font>
      <sz val="8"/>
      <name val="DUTCH"/>
    </font>
    <font>
      <vertAlign val="superscript"/>
      <sz val="9"/>
      <name val="Arial"/>
      <family val="2"/>
    </font>
    <font>
      <sz val="5"/>
      <color rgb="FF000000"/>
      <name val="Arial"/>
      <family val="2"/>
    </font>
    <font>
      <sz val="5"/>
      <color rgb="FFFF0000"/>
      <name val="Arial"/>
      <family val="2"/>
    </font>
    <font>
      <sz val="7"/>
      <name val="DUTCH"/>
    </font>
  </fonts>
  <fills count="6">
    <fill>
      <patternFill patternType="none"/>
    </fill>
    <fill>
      <patternFill patternType="gray125"/>
    </fill>
    <fill>
      <patternFill patternType="solid">
        <fgColor rgb="FFCCFFCC"/>
        <bgColor indexed="64"/>
      </patternFill>
    </fill>
    <fill>
      <patternFill patternType="solid">
        <fgColor indexed="42"/>
        <bgColor indexed="64"/>
      </patternFill>
    </fill>
    <fill>
      <patternFill patternType="solid">
        <fgColor indexed="9"/>
        <bgColor indexed="9"/>
      </patternFill>
    </fill>
    <fill>
      <patternFill patternType="solid">
        <fgColor theme="0"/>
        <bgColor indexed="64"/>
      </patternFill>
    </fill>
  </fills>
  <borders count="10">
    <border>
      <left/>
      <right/>
      <top/>
      <bottom/>
      <diagonal/>
    </border>
    <border>
      <left/>
      <right/>
      <top style="thin">
        <color indexed="64"/>
      </top>
      <bottom style="thin">
        <color indexed="64"/>
      </bottom>
      <diagonal/>
    </border>
    <border>
      <left/>
      <right/>
      <top/>
      <bottom style="thin">
        <color indexed="64"/>
      </bottom>
      <diagonal/>
    </border>
    <border>
      <left/>
      <right/>
      <top style="thin">
        <color indexed="64"/>
      </top>
      <bottom/>
      <diagonal/>
    </border>
    <border>
      <left/>
      <right/>
      <top style="thin">
        <color indexed="8"/>
      </top>
      <bottom style="thin">
        <color indexed="8"/>
      </bottom>
      <diagonal/>
    </border>
    <border>
      <left/>
      <right/>
      <top style="thin">
        <color auto="1"/>
      </top>
      <bottom style="thin">
        <color auto="1"/>
      </bottom>
      <diagonal/>
    </border>
    <border>
      <left/>
      <right/>
      <top/>
      <bottom style="thin">
        <color indexed="8"/>
      </bottom>
      <diagonal/>
    </border>
    <border>
      <left/>
      <right/>
      <top style="thin">
        <color indexed="8"/>
      </top>
      <bottom/>
      <diagonal/>
    </border>
    <border>
      <left/>
      <right/>
      <top style="thin">
        <color indexed="8"/>
      </top>
      <bottom style="thin">
        <color indexed="64"/>
      </bottom>
      <diagonal/>
    </border>
    <border>
      <left/>
      <right/>
      <top/>
      <bottom style="thin">
        <color theme="1"/>
      </bottom>
      <diagonal/>
    </border>
  </borders>
  <cellStyleXfs count="9">
    <xf numFmtId="0" fontId="0" fillId="0" borderId="0"/>
    <xf numFmtId="0" fontId="1" fillId="0" borderId="0"/>
    <xf numFmtId="0" fontId="10" fillId="0" borderId="0"/>
    <xf numFmtId="169" fontId="10" fillId="0" borderId="0" applyFont="0" applyFill="0" applyBorder="0" applyAlignment="0" applyProtection="0"/>
    <xf numFmtId="0" fontId="10" fillId="0" borderId="0"/>
    <xf numFmtId="0" fontId="34" fillId="0" borderId="0" applyNumberFormat="0" applyFill="0" applyBorder="0" applyAlignment="0" applyProtection="0"/>
    <xf numFmtId="0" fontId="10" fillId="0" borderId="0"/>
    <xf numFmtId="9" fontId="10" fillId="0" borderId="0" applyFont="0" applyFill="0" applyBorder="0" applyAlignment="0" applyProtection="0"/>
    <xf numFmtId="170" fontId="41" fillId="0" borderId="0"/>
  </cellStyleXfs>
  <cellXfs count="312">
    <xf numFmtId="0" fontId="0" fillId="0" borderId="0" xfId="0"/>
    <xf numFmtId="49" fontId="2" fillId="0" borderId="0" xfId="1" applyNumberFormat="1" applyFont="1" applyAlignment="1">
      <alignment vertical="center"/>
    </xf>
    <xf numFmtId="49" fontId="4" fillId="0" borderId="0" xfId="1" applyNumberFormat="1" applyFont="1" applyAlignment="1">
      <alignment vertical="center"/>
    </xf>
    <xf numFmtId="49" fontId="5" fillId="0" borderId="0" xfId="1" applyNumberFormat="1" applyFont="1" applyAlignment="1">
      <alignment vertical="center"/>
    </xf>
    <xf numFmtId="49" fontId="4" fillId="0" borderId="0" xfId="1" applyNumberFormat="1" applyFont="1" applyAlignment="1">
      <alignment vertical="top"/>
    </xf>
    <xf numFmtId="49" fontId="6" fillId="0" borderId="1" xfId="1" applyNumberFormat="1" applyFont="1" applyBorder="1"/>
    <xf numFmtId="49" fontId="6" fillId="0" borderId="1" xfId="1" applyNumberFormat="1" applyFont="1" applyBorder="1" applyAlignment="1">
      <alignment vertical="center"/>
    </xf>
    <xf numFmtId="49" fontId="6" fillId="0" borderId="1" xfId="1" applyNumberFormat="1" applyFont="1" applyBorder="1" applyAlignment="1">
      <alignment horizontal="center" wrapText="1"/>
    </xf>
    <xf numFmtId="49" fontId="7" fillId="0" borderId="1" xfId="1" applyNumberFormat="1" applyFont="1" applyBorder="1" applyAlignment="1">
      <alignment horizontal="center" wrapText="1"/>
    </xf>
    <xf numFmtId="49" fontId="7" fillId="2" borderId="1" xfId="1" applyNumberFormat="1" applyFont="1" applyFill="1" applyBorder="1" applyAlignment="1">
      <alignment horizontal="center" wrapText="1"/>
    </xf>
    <xf numFmtId="49" fontId="6" fillId="0" borderId="1" xfId="1" applyNumberFormat="1" applyFont="1" applyBorder="1" applyAlignment="1">
      <alignment horizontal="center" vertical="center" wrapText="1"/>
    </xf>
    <xf numFmtId="49" fontId="8" fillId="0" borderId="0" xfId="1" applyNumberFormat="1" applyFont="1" applyAlignment="1">
      <alignment vertical="center" wrapText="1"/>
    </xf>
    <xf numFmtId="49" fontId="8" fillId="0" borderId="0" xfId="1" applyNumberFormat="1" applyFont="1" applyAlignment="1">
      <alignment vertical="center"/>
    </xf>
    <xf numFmtId="49" fontId="6" fillId="0" borderId="0" xfId="1" applyNumberFormat="1" applyFont="1" applyAlignment="1">
      <alignment vertical="center"/>
    </xf>
    <xf numFmtId="164" fontId="6" fillId="0" borderId="0" xfId="1" applyNumberFormat="1" applyFont="1" applyAlignment="1">
      <alignment vertical="center"/>
    </xf>
    <xf numFmtId="164" fontId="9" fillId="0" borderId="0" xfId="1" applyNumberFormat="1" applyFont="1" applyAlignment="1">
      <alignment vertical="center"/>
    </xf>
    <xf numFmtId="164" fontId="9" fillId="2" borderId="0" xfId="1" applyNumberFormat="1" applyFont="1" applyFill="1" applyAlignment="1">
      <alignment vertical="center"/>
    </xf>
    <xf numFmtId="0" fontId="6" fillId="0" borderId="0" xfId="1" applyFont="1" applyAlignment="1">
      <alignment horizontal="center" vertical="center"/>
    </xf>
    <xf numFmtId="0" fontId="6" fillId="0" borderId="0" xfId="1" applyFont="1"/>
    <xf numFmtId="164" fontId="7" fillId="0" borderId="0" xfId="1" applyNumberFormat="1" applyFont="1" applyAlignment="1">
      <alignment vertical="center"/>
    </xf>
    <xf numFmtId="164" fontId="6" fillId="2" borderId="0" xfId="1" applyNumberFormat="1" applyFont="1" applyFill="1" applyAlignment="1">
      <alignment vertical="center"/>
    </xf>
    <xf numFmtId="165" fontId="6" fillId="0" borderId="0" xfId="1" applyNumberFormat="1" applyFont="1" applyAlignment="1">
      <alignment horizontal="right" vertical="center"/>
    </xf>
    <xf numFmtId="164" fontId="11" fillId="0" borderId="0" xfId="1" applyNumberFormat="1" applyFont="1" applyAlignment="1">
      <alignment vertical="center"/>
    </xf>
    <xf numFmtId="164" fontId="12" fillId="0" borderId="0" xfId="1" applyNumberFormat="1" applyFont="1" applyAlignment="1">
      <alignment vertical="center"/>
    </xf>
    <xf numFmtId="164" fontId="11" fillId="2" borderId="0" xfId="1" applyNumberFormat="1" applyFont="1" applyFill="1" applyAlignment="1">
      <alignment vertical="center"/>
    </xf>
    <xf numFmtId="164" fontId="8" fillId="0" borderId="0" xfId="1" applyNumberFormat="1" applyFont="1" applyAlignment="1">
      <alignment vertical="center"/>
    </xf>
    <xf numFmtId="164" fontId="13" fillId="0" borderId="0" xfId="1" applyNumberFormat="1" applyFont="1" applyAlignment="1">
      <alignment vertical="center"/>
    </xf>
    <xf numFmtId="164" fontId="8" fillId="2" borderId="0" xfId="1" applyNumberFormat="1" applyFont="1" applyFill="1" applyAlignment="1">
      <alignment vertical="center"/>
    </xf>
    <xf numFmtId="49" fontId="8" fillId="0" borderId="0" xfId="1" applyNumberFormat="1" applyFont="1"/>
    <xf numFmtId="49" fontId="6" fillId="0" borderId="0" xfId="1" applyNumberFormat="1" applyFont="1"/>
    <xf numFmtId="164" fontId="6" fillId="0" borderId="0" xfId="1" applyNumberFormat="1" applyFont="1"/>
    <xf numFmtId="164" fontId="9" fillId="0" borderId="0" xfId="1" applyNumberFormat="1" applyFont="1"/>
    <xf numFmtId="164" fontId="9" fillId="2" borderId="0" xfId="1" applyNumberFormat="1" applyFont="1" applyFill="1"/>
    <xf numFmtId="165" fontId="6" fillId="0" borderId="0" xfId="1" applyNumberFormat="1" applyFont="1" applyAlignment="1">
      <alignment horizontal="right"/>
    </xf>
    <xf numFmtId="164" fontId="11" fillId="0" borderId="0" xfId="1" applyNumberFormat="1" applyFont="1"/>
    <xf numFmtId="164" fontId="12" fillId="0" borderId="0" xfId="1" applyNumberFormat="1" applyFont="1"/>
    <xf numFmtId="164" fontId="11" fillId="2" borderId="0" xfId="1" applyNumberFormat="1" applyFont="1" applyFill="1"/>
    <xf numFmtId="164" fontId="7" fillId="0" borderId="0" xfId="1" applyNumberFormat="1" applyFont="1"/>
    <xf numFmtId="164" fontId="6" fillId="2" borderId="0" xfId="1" applyNumberFormat="1" applyFont="1" applyFill="1"/>
    <xf numFmtId="164" fontId="15" fillId="0" borderId="0" xfId="1" applyNumberFormat="1" applyFont="1" applyAlignment="1">
      <alignment vertical="center"/>
    </xf>
    <xf numFmtId="164" fontId="16" fillId="0" borderId="0" xfId="1" applyNumberFormat="1" applyFont="1" applyAlignment="1">
      <alignment vertical="center"/>
    </xf>
    <xf numFmtId="164" fontId="15" fillId="2" borderId="0" xfId="1" applyNumberFormat="1" applyFont="1" applyFill="1" applyAlignment="1">
      <alignment vertical="center"/>
    </xf>
    <xf numFmtId="166" fontId="6" fillId="0" borderId="0" xfId="1" applyNumberFormat="1" applyFont="1" applyAlignment="1">
      <alignment vertical="center"/>
    </xf>
    <xf numFmtId="166" fontId="9" fillId="0" borderId="0" xfId="1" applyNumberFormat="1" applyFont="1" applyAlignment="1">
      <alignment vertical="center"/>
    </xf>
    <xf numFmtId="166" fontId="9" fillId="2" borderId="0" xfId="1" applyNumberFormat="1" applyFont="1" applyFill="1" applyAlignment="1">
      <alignment vertical="center"/>
    </xf>
    <xf numFmtId="167" fontId="6" fillId="0" borderId="0" xfId="1" applyNumberFormat="1" applyFont="1" applyAlignment="1">
      <alignment horizontal="right" vertical="center"/>
    </xf>
    <xf numFmtId="167" fontId="7" fillId="0" borderId="0" xfId="1" applyNumberFormat="1" applyFont="1" applyAlignment="1">
      <alignment horizontal="right" vertical="center"/>
    </xf>
    <xf numFmtId="167" fontId="6" fillId="2" borderId="0" xfId="1" applyNumberFormat="1" applyFont="1" applyFill="1" applyAlignment="1">
      <alignment horizontal="right" vertical="center"/>
    </xf>
    <xf numFmtId="0" fontId="6" fillId="0" borderId="0" xfId="1" applyFont="1" applyAlignment="1">
      <alignment vertical="center"/>
    </xf>
    <xf numFmtId="167" fontId="9" fillId="0" borderId="0" xfId="1" applyNumberFormat="1" applyFont="1" applyAlignment="1">
      <alignment horizontal="right" vertical="center"/>
    </xf>
    <xf numFmtId="167" fontId="9" fillId="2" borderId="0" xfId="1" applyNumberFormat="1" applyFont="1" applyFill="1" applyAlignment="1">
      <alignment horizontal="right" vertical="center"/>
    </xf>
    <xf numFmtId="168" fontId="6" fillId="0" borderId="0" xfId="1" applyNumberFormat="1" applyFont="1" applyAlignment="1">
      <alignment horizontal="right" vertical="center"/>
    </xf>
    <xf numFmtId="168" fontId="7" fillId="0" borderId="0" xfId="1" applyNumberFormat="1" applyFont="1" applyAlignment="1">
      <alignment horizontal="right" vertical="center"/>
    </xf>
    <xf numFmtId="168" fontId="6" fillId="2" borderId="0" xfId="1" applyNumberFormat="1" applyFont="1" applyFill="1" applyAlignment="1">
      <alignment horizontal="right" vertical="center"/>
    </xf>
    <xf numFmtId="49" fontId="14" fillId="0" borderId="2" xfId="1" applyNumberFormat="1" applyFont="1" applyBorder="1" applyAlignment="1">
      <alignment vertical="center"/>
    </xf>
    <xf numFmtId="164" fontId="14" fillId="0" borderId="2" xfId="1" applyNumberFormat="1" applyFont="1" applyBorder="1" applyAlignment="1">
      <alignment vertical="center"/>
    </xf>
    <xf numFmtId="164" fontId="18" fillId="0" borderId="2" xfId="1" applyNumberFormat="1" applyFont="1" applyBorder="1" applyAlignment="1">
      <alignment vertical="center"/>
    </xf>
    <xf numFmtId="164" fontId="18" fillId="3" borderId="2" xfId="1" applyNumberFormat="1" applyFont="1" applyFill="1" applyBorder="1" applyAlignment="1">
      <alignment vertical="center"/>
    </xf>
    <xf numFmtId="0" fontId="14" fillId="0" borderId="2" xfId="1" applyFont="1" applyBorder="1" applyAlignment="1">
      <alignment vertical="center"/>
    </xf>
    <xf numFmtId="0" fontId="14" fillId="0" borderId="0" xfId="1" applyFont="1"/>
    <xf numFmtId="49" fontId="14" fillId="0" borderId="0" xfId="1" applyNumberFormat="1" applyFont="1"/>
    <xf numFmtId="164" fontId="14" fillId="0" borderId="0" xfId="1" applyNumberFormat="1" applyFont="1"/>
    <xf numFmtId="0" fontId="17" fillId="0" borderId="0" xfId="1" applyFont="1" applyAlignment="1">
      <alignment horizontal="right" vertical="top"/>
    </xf>
    <xf numFmtId="0" fontId="6" fillId="4" borderId="0" xfId="1" applyFont="1" applyFill="1" applyAlignment="1">
      <alignment vertical="top"/>
    </xf>
    <xf numFmtId="0" fontId="19" fillId="0" borderId="0" xfId="1" applyFont="1" applyAlignment="1">
      <alignment vertical="top"/>
    </xf>
    <xf numFmtId="0" fontId="19" fillId="0" borderId="0" xfId="1" applyFont="1"/>
    <xf numFmtId="0" fontId="14" fillId="0" borderId="0" xfId="1" applyFont="1" applyAlignment="1">
      <alignment vertical="center"/>
    </xf>
    <xf numFmtId="49" fontId="17" fillId="0" borderId="0" xfId="1" applyNumberFormat="1" applyFont="1" applyAlignment="1">
      <alignment horizontal="center" vertical="top"/>
    </xf>
    <xf numFmtId="0" fontId="6" fillId="0" borderId="0" xfId="1" applyFont="1" applyAlignment="1">
      <alignment wrapText="1"/>
    </xf>
    <xf numFmtId="0" fontId="14" fillId="0" borderId="0" xfId="1" applyFont="1" applyAlignment="1">
      <alignment horizontal="center"/>
    </xf>
    <xf numFmtId="0" fontId="20" fillId="0" borderId="0" xfId="1" applyFont="1" applyAlignment="1">
      <alignment vertical="top"/>
    </xf>
    <xf numFmtId="0" fontId="18" fillId="0" borderId="0" xfId="1" applyFont="1"/>
    <xf numFmtId="49" fontId="23" fillId="0" borderId="0" xfId="1" applyNumberFormat="1" applyFont="1" applyAlignment="1">
      <alignment vertical="center"/>
    </xf>
    <xf numFmtId="49" fontId="4" fillId="0" borderId="0" xfId="1" applyNumberFormat="1" applyFont="1" applyAlignment="1">
      <alignment horizontal="center" vertical="center"/>
    </xf>
    <xf numFmtId="49" fontId="6" fillId="2" borderId="1" xfId="1" applyNumberFormat="1" applyFont="1" applyFill="1" applyBorder="1" applyAlignment="1">
      <alignment horizontal="center" wrapText="1"/>
    </xf>
    <xf numFmtId="164" fontId="6" fillId="3" borderId="0" xfId="1" applyNumberFormat="1" applyFont="1" applyFill="1" applyAlignment="1">
      <alignment vertical="center"/>
    </xf>
    <xf numFmtId="164" fontId="6" fillId="0" borderId="0" xfId="1" applyNumberFormat="1" applyFont="1" applyAlignment="1">
      <alignment horizontal="center" vertical="center"/>
    </xf>
    <xf numFmtId="164" fontId="6" fillId="3" borderId="0" xfId="1" applyNumberFormat="1" applyFont="1" applyFill="1"/>
    <xf numFmtId="49" fontId="6" fillId="5" borderId="0" xfId="1" applyNumberFormat="1" applyFont="1" applyFill="1"/>
    <xf numFmtId="49" fontId="25" fillId="0" borderId="0" xfId="1" applyNumberFormat="1" applyFont="1" applyAlignment="1">
      <alignment vertical="center"/>
    </xf>
    <xf numFmtId="164" fontId="25" fillId="0" borderId="0" xfId="1" applyNumberFormat="1" applyFont="1" applyAlignment="1">
      <alignment vertical="center"/>
    </xf>
    <xf numFmtId="164" fontId="11" fillId="3" borderId="0" xfId="1" applyNumberFormat="1" applyFont="1" applyFill="1" applyAlignment="1">
      <alignment vertical="center"/>
    </xf>
    <xf numFmtId="164" fontId="26" fillId="0" borderId="0" xfId="1" applyNumberFormat="1" applyFont="1" applyAlignment="1">
      <alignment vertical="center"/>
    </xf>
    <xf numFmtId="164" fontId="26" fillId="3" borderId="0" xfId="1" applyNumberFormat="1" applyFont="1" applyFill="1" applyAlignment="1">
      <alignment vertical="center"/>
    </xf>
    <xf numFmtId="49" fontId="6" fillId="5" borderId="0" xfId="1" applyNumberFormat="1" applyFont="1" applyFill="1" applyAlignment="1">
      <alignment vertical="center"/>
    </xf>
    <xf numFmtId="49" fontId="25" fillId="5" borderId="0" xfId="1" applyNumberFormat="1" applyFont="1" applyFill="1" applyAlignment="1">
      <alignment vertical="center"/>
    </xf>
    <xf numFmtId="49" fontId="25" fillId="5" borderId="0" xfId="1" applyNumberFormat="1" applyFont="1" applyFill="1"/>
    <xf numFmtId="164" fontId="15" fillId="3" borderId="0" xfId="1" applyNumberFormat="1" applyFont="1" applyFill="1" applyAlignment="1">
      <alignment vertical="center"/>
    </xf>
    <xf numFmtId="166" fontId="6" fillId="3" borderId="0" xfId="1" applyNumberFormat="1" applyFont="1" applyFill="1" applyAlignment="1">
      <alignment vertical="center"/>
    </xf>
    <xf numFmtId="167" fontId="6" fillId="0" borderId="0" xfId="1" applyNumberFormat="1" applyFont="1" applyAlignment="1">
      <alignment vertical="center"/>
    </xf>
    <xf numFmtId="167" fontId="6" fillId="3" borderId="0" xfId="1" applyNumberFormat="1" applyFont="1" applyFill="1" applyAlignment="1">
      <alignment vertical="center"/>
    </xf>
    <xf numFmtId="167" fontId="9" fillId="0" borderId="0" xfId="1" applyNumberFormat="1" applyFont="1" applyAlignment="1">
      <alignment vertical="center"/>
    </xf>
    <xf numFmtId="167" fontId="9" fillId="3" borderId="0" xfId="1" applyNumberFormat="1" applyFont="1" applyFill="1" applyAlignment="1">
      <alignment vertical="center"/>
    </xf>
    <xf numFmtId="164" fontId="9" fillId="3" borderId="0" xfId="1" applyNumberFormat="1" applyFont="1" applyFill="1" applyAlignment="1">
      <alignment vertical="center"/>
    </xf>
    <xf numFmtId="49" fontId="14" fillId="0" borderId="0" xfId="1" applyNumberFormat="1" applyFont="1" applyAlignment="1">
      <alignment vertical="center"/>
    </xf>
    <xf numFmtId="164" fontId="14" fillId="0" borderId="0" xfId="1" applyNumberFormat="1" applyFont="1" applyAlignment="1">
      <alignment vertical="center"/>
    </xf>
    <xf numFmtId="49" fontId="27" fillId="0" borderId="2" xfId="1" applyNumberFormat="1" applyFont="1" applyBorder="1" applyAlignment="1">
      <alignment vertical="center"/>
    </xf>
    <xf numFmtId="0" fontId="18" fillId="0" borderId="2" xfId="1" applyFont="1" applyBorder="1" applyAlignment="1">
      <alignment vertical="center"/>
    </xf>
    <xf numFmtId="0" fontId="18" fillId="3" borderId="2" xfId="1" applyFont="1" applyFill="1" applyBorder="1" applyAlignment="1">
      <alignment vertical="center"/>
    </xf>
    <xf numFmtId="49" fontId="27" fillId="0" borderId="0" xfId="1" applyNumberFormat="1" applyFont="1" applyAlignment="1">
      <alignment vertical="center"/>
    </xf>
    <xf numFmtId="0" fontId="18" fillId="0" borderId="0" xfId="1" applyFont="1" applyAlignment="1">
      <alignment vertical="center"/>
    </xf>
    <xf numFmtId="49" fontId="17" fillId="0" borderId="0" xfId="1" applyNumberFormat="1" applyFont="1" applyAlignment="1">
      <alignment horizontal="right" vertical="top"/>
    </xf>
    <xf numFmtId="0" fontId="9" fillId="0" borderId="0" xfId="1" applyFont="1" applyAlignment="1">
      <alignment wrapText="1"/>
    </xf>
    <xf numFmtId="164" fontId="14" fillId="3" borderId="0" xfId="1" applyNumberFormat="1" applyFont="1" applyFill="1" applyAlignment="1">
      <alignment vertical="center"/>
    </xf>
    <xf numFmtId="164" fontId="8" fillId="3" borderId="0" xfId="1" applyNumberFormat="1" applyFont="1" applyFill="1" applyAlignment="1">
      <alignment vertical="center"/>
    </xf>
    <xf numFmtId="0" fontId="8" fillId="0" borderId="0" xfId="1" applyFont="1" applyAlignment="1">
      <alignment vertical="center"/>
    </xf>
    <xf numFmtId="49" fontId="25" fillId="0" borderId="0" xfId="1" applyNumberFormat="1" applyFont="1"/>
    <xf numFmtId="164" fontId="25" fillId="3" borderId="0" xfId="1" applyNumberFormat="1" applyFont="1" applyFill="1" applyAlignment="1">
      <alignment vertical="center"/>
    </xf>
    <xf numFmtId="49" fontId="8" fillId="0" borderId="0" xfId="1" applyNumberFormat="1" applyFont="1" applyAlignment="1">
      <alignment horizontal="left" vertical="center" indent="1"/>
    </xf>
    <xf numFmtId="49" fontId="8" fillId="0" borderId="2" xfId="1" applyNumberFormat="1" applyFont="1" applyBorder="1" applyAlignment="1">
      <alignment vertical="center"/>
    </xf>
    <xf numFmtId="49" fontId="6" fillId="0" borderId="2" xfId="1" applyNumberFormat="1" applyFont="1" applyBorder="1" applyAlignment="1">
      <alignment vertical="center"/>
    </xf>
    <xf numFmtId="164" fontId="15" fillId="0" borderId="2" xfId="1" applyNumberFormat="1" applyFont="1" applyBorder="1" applyAlignment="1">
      <alignment vertical="center"/>
    </xf>
    <xf numFmtId="164" fontId="15" fillId="3" borderId="2" xfId="1" applyNumberFormat="1" applyFont="1" applyFill="1" applyBorder="1" applyAlignment="1">
      <alignment vertical="center"/>
    </xf>
    <xf numFmtId="49" fontId="6" fillId="0" borderId="0" xfId="1" applyNumberFormat="1" applyFont="1" applyAlignment="1">
      <alignment horizontal="right" vertical="top"/>
    </xf>
    <xf numFmtId="49" fontId="6" fillId="0" borderId="0" xfId="1" applyNumberFormat="1" applyFont="1" applyAlignment="1">
      <alignment horizontal="left" vertical="top"/>
    </xf>
    <xf numFmtId="49" fontId="27" fillId="0" borderId="0" xfId="1" applyNumberFormat="1" applyFont="1"/>
    <xf numFmtId="165" fontId="6" fillId="0" borderId="0" xfId="1" applyNumberFormat="1" applyFont="1" applyAlignment="1">
      <alignment horizontal="center" vertical="center"/>
    </xf>
    <xf numFmtId="164" fontId="29" fillId="0" borderId="0" xfId="1" applyNumberFormat="1" applyFont="1" applyAlignment="1">
      <alignment vertical="center"/>
    </xf>
    <xf numFmtId="164" fontId="26" fillId="2" borderId="0" xfId="1" applyNumberFormat="1" applyFont="1" applyFill="1" applyAlignment="1">
      <alignment vertical="center"/>
    </xf>
    <xf numFmtId="164" fontId="14" fillId="3" borderId="2" xfId="1" applyNumberFormat="1" applyFont="1" applyFill="1" applyBorder="1" applyAlignment="1">
      <alignment vertical="center"/>
    </xf>
    <xf numFmtId="0" fontId="17" fillId="0" borderId="0" xfId="1" applyFont="1" applyAlignment="1">
      <alignment horizontal="center" vertical="center"/>
    </xf>
    <xf numFmtId="0" fontId="1" fillId="0" borderId="0" xfId="1" applyAlignment="1">
      <alignment vertical="top"/>
    </xf>
    <xf numFmtId="0" fontId="30" fillId="0" borderId="0" xfId="1" applyFont="1" applyAlignment="1">
      <alignment horizontal="right" vertical="top"/>
    </xf>
    <xf numFmtId="49" fontId="19" fillId="4" borderId="0" xfId="1" applyNumberFormat="1" applyFont="1" applyFill="1" applyAlignment="1">
      <alignment horizontal="left" vertical="top"/>
    </xf>
    <xf numFmtId="0" fontId="19" fillId="0" borderId="0" xfId="1" applyFont="1" applyAlignment="1">
      <alignment horizontal="left" vertical="top" wrapText="1"/>
    </xf>
    <xf numFmtId="164" fontId="19" fillId="0" borderId="0" xfId="1" applyNumberFormat="1" applyFont="1" applyAlignment="1">
      <alignment horizontal="left" vertical="top"/>
    </xf>
    <xf numFmtId="165" fontId="19" fillId="0" borderId="0" xfId="1" applyNumberFormat="1" applyFont="1" applyAlignment="1">
      <alignment horizontal="left" vertical="top"/>
    </xf>
    <xf numFmtId="0" fontId="17" fillId="0" borderId="0" xfId="1" applyFont="1" applyAlignment="1">
      <alignment horizontal="center" vertical="top"/>
    </xf>
    <xf numFmtId="165" fontId="4" fillId="0" borderId="0" xfId="1" applyNumberFormat="1" applyFont="1" applyAlignment="1">
      <alignment horizontal="right" vertical="center"/>
    </xf>
    <xf numFmtId="165" fontId="6" fillId="0" borderId="1" xfId="1" applyNumberFormat="1" applyFont="1" applyBorder="1" applyAlignment="1">
      <alignment horizontal="center" vertical="center" wrapText="1"/>
    </xf>
    <xf numFmtId="166" fontId="6" fillId="2" borderId="0" xfId="1" applyNumberFormat="1" applyFont="1" applyFill="1" applyAlignment="1">
      <alignment vertical="center"/>
    </xf>
    <xf numFmtId="166" fontId="11" fillId="0" borderId="0" xfId="1" applyNumberFormat="1" applyFont="1" applyAlignment="1">
      <alignment vertical="center"/>
    </xf>
    <xf numFmtId="166" fontId="11" fillId="2" borderId="0" xfId="1" applyNumberFormat="1" applyFont="1" applyFill="1" applyAlignment="1">
      <alignment vertical="center"/>
    </xf>
    <xf numFmtId="166" fontId="15" fillId="0" borderId="0" xfId="1" applyNumberFormat="1" applyFont="1" applyAlignment="1">
      <alignment vertical="center"/>
    </xf>
    <xf numFmtId="166" fontId="15" fillId="2" borderId="0" xfId="1" applyNumberFormat="1" applyFont="1" applyFill="1" applyAlignment="1">
      <alignment vertical="center"/>
    </xf>
    <xf numFmtId="167" fontId="6" fillId="2" borderId="0" xfId="1" applyNumberFormat="1" applyFont="1" applyFill="1" applyAlignment="1">
      <alignment vertical="center"/>
    </xf>
    <xf numFmtId="167" fontId="8" fillId="0" borderId="0" xfId="1" applyNumberFormat="1" applyFont="1" applyAlignment="1">
      <alignment vertical="center"/>
    </xf>
    <xf numFmtId="167" fontId="8" fillId="2" borderId="0" xfId="1" applyNumberFormat="1" applyFont="1" applyFill="1" applyAlignment="1">
      <alignment vertical="center"/>
    </xf>
    <xf numFmtId="164" fontId="8" fillId="0" borderId="0" xfId="1" applyNumberFormat="1" applyFont="1"/>
    <xf numFmtId="164" fontId="8" fillId="2" borderId="0" xfId="1" applyNumberFormat="1" applyFont="1" applyFill="1"/>
    <xf numFmtId="165" fontId="14" fillId="0" borderId="2" xfId="1" applyNumberFormat="1" applyFont="1" applyBorder="1" applyAlignment="1">
      <alignment vertical="center"/>
    </xf>
    <xf numFmtId="49" fontId="21" fillId="0" borderId="2" xfId="1" applyNumberFormat="1" applyFont="1" applyBorder="1" applyAlignment="1">
      <alignment vertical="center"/>
    </xf>
    <xf numFmtId="49" fontId="10" fillId="0" borderId="2" xfId="1" applyNumberFormat="1" applyFont="1" applyBorder="1" applyAlignment="1">
      <alignment vertical="center"/>
    </xf>
    <xf numFmtId="164" fontId="7" fillId="0" borderId="0" xfId="4" applyNumberFormat="1" applyFont="1" applyAlignment="1">
      <alignment vertical="center"/>
    </xf>
    <xf numFmtId="49" fontId="6" fillId="0" borderId="0" xfId="1" applyNumberFormat="1" applyFont="1" applyAlignment="1">
      <alignment vertical="top"/>
    </xf>
    <xf numFmtId="164" fontId="12" fillId="0" borderId="0" xfId="4" applyNumberFormat="1" applyFont="1" applyAlignment="1">
      <alignment vertical="center"/>
    </xf>
    <xf numFmtId="164" fontId="6" fillId="0" borderId="0" xfId="1" applyNumberFormat="1" applyFont="1" applyAlignment="1">
      <alignment horizontal="left" indent="1"/>
    </xf>
    <xf numFmtId="164" fontId="6" fillId="0" borderId="0" xfId="1" applyNumberFormat="1" applyFont="1" applyAlignment="1">
      <alignment vertical="top"/>
    </xf>
    <xf numFmtId="0" fontId="6" fillId="0" borderId="2" xfId="1" applyFont="1" applyBorder="1" applyAlignment="1">
      <alignment vertical="center"/>
    </xf>
    <xf numFmtId="0" fontId="6" fillId="2" borderId="2" xfId="1" applyFont="1" applyFill="1" applyBorder="1" applyAlignment="1">
      <alignment vertical="center"/>
    </xf>
    <xf numFmtId="165" fontId="6" fillId="0" borderId="2" xfId="1" applyNumberFormat="1" applyFont="1" applyBorder="1" applyAlignment="1">
      <alignment vertical="center"/>
    </xf>
    <xf numFmtId="166" fontId="6" fillId="0" borderId="0" xfId="1" applyNumberFormat="1" applyFont="1" applyAlignment="1">
      <alignment horizontal="center" vertical="center"/>
    </xf>
    <xf numFmtId="0" fontId="32" fillId="0" borderId="0" xfId="1" applyFont="1" applyAlignment="1">
      <alignment vertical="top"/>
    </xf>
    <xf numFmtId="166" fontId="33" fillId="0" borderId="0" xfId="1" applyNumberFormat="1" applyFont="1" applyAlignment="1">
      <alignment vertical="center"/>
    </xf>
    <xf numFmtId="166" fontId="33" fillId="2" borderId="0" xfId="1" applyNumberFormat="1" applyFont="1" applyFill="1" applyAlignment="1">
      <alignment vertical="center"/>
    </xf>
    <xf numFmtId="49" fontId="8" fillId="0" borderId="0" xfId="1" applyNumberFormat="1" applyFont="1" applyAlignment="1">
      <alignment horizontal="left" vertical="top" indent="1"/>
    </xf>
    <xf numFmtId="49" fontId="6" fillId="0" borderId="0" xfId="1" applyNumberFormat="1" applyFont="1" applyAlignment="1">
      <alignment horizontal="left" vertical="top" indent="1"/>
    </xf>
    <xf numFmtId="164" fontId="8" fillId="0" borderId="0" xfId="1" applyNumberFormat="1" applyFont="1" applyAlignment="1">
      <alignment horizontal="left" vertical="top" indent="1"/>
    </xf>
    <xf numFmtId="164" fontId="8" fillId="2" borderId="0" xfId="1" applyNumberFormat="1" applyFont="1" applyFill="1" applyAlignment="1">
      <alignment horizontal="left" vertical="top" indent="1"/>
    </xf>
    <xf numFmtId="49" fontId="30" fillId="0" borderId="0" xfId="1" applyNumberFormat="1" applyFont="1" applyAlignment="1">
      <alignment horizontal="right" vertical="top"/>
    </xf>
    <xf numFmtId="164" fontId="35" fillId="0" borderId="0" xfId="1" applyNumberFormat="1" applyFont="1" applyAlignment="1">
      <alignment vertical="center"/>
    </xf>
    <xf numFmtId="164" fontId="35" fillId="3" borderId="0" xfId="1" applyNumberFormat="1" applyFont="1" applyFill="1" applyAlignment="1">
      <alignment vertical="center"/>
    </xf>
    <xf numFmtId="167" fontId="6" fillId="3" borderId="0" xfId="1" applyNumberFormat="1" applyFont="1" applyFill="1" applyAlignment="1">
      <alignment horizontal="right" vertical="center"/>
    </xf>
    <xf numFmtId="166" fontId="6" fillId="0" borderId="0" xfId="1" applyNumberFormat="1" applyFont="1" applyAlignment="1">
      <alignment horizontal="right" vertical="center"/>
    </xf>
    <xf numFmtId="166" fontId="6" fillId="3" borderId="0" xfId="1" applyNumberFormat="1" applyFont="1" applyFill="1" applyAlignment="1">
      <alignment horizontal="right" vertical="center"/>
    </xf>
    <xf numFmtId="0" fontId="6" fillId="0" borderId="0" xfId="1" applyFont="1" applyAlignment="1">
      <alignment vertical="top"/>
    </xf>
    <xf numFmtId="49" fontId="36" fillId="0" borderId="0" xfId="1" applyNumberFormat="1" applyFont="1" applyAlignment="1">
      <alignment vertical="top"/>
    </xf>
    <xf numFmtId="49" fontId="6" fillId="3" borderId="1" xfId="1" applyNumberFormat="1" applyFont="1" applyFill="1" applyBorder="1" applyAlignment="1">
      <alignment horizontal="center" wrapText="1"/>
    </xf>
    <xf numFmtId="49" fontId="20" fillId="0" borderId="0" xfId="1" applyNumberFormat="1" applyFont="1" applyAlignment="1">
      <alignment vertical="top"/>
    </xf>
    <xf numFmtId="0" fontId="37" fillId="0" borderId="0" xfId="1" applyFont="1" applyAlignment="1">
      <alignment vertical="top"/>
    </xf>
    <xf numFmtId="166" fontId="35" fillId="0" borderId="0" xfId="1" applyNumberFormat="1" applyFont="1" applyAlignment="1">
      <alignment vertical="center"/>
    </xf>
    <xf numFmtId="166" fontId="35" fillId="2" borderId="0" xfId="1" applyNumberFormat="1" applyFont="1" applyFill="1" applyAlignment="1">
      <alignment vertical="center"/>
    </xf>
    <xf numFmtId="164" fontId="33" fillId="0" borderId="0" xfId="1" applyNumberFormat="1" applyFont="1" applyAlignment="1">
      <alignment vertical="center"/>
    </xf>
    <xf numFmtId="164" fontId="33" fillId="3" borderId="0" xfId="1" applyNumberFormat="1" applyFont="1" applyFill="1" applyAlignment="1">
      <alignment vertical="center"/>
    </xf>
    <xf numFmtId="49" fontId="6" fillId="0" borderId="4" xfId="1" applyNumberFormat="1" applyFont="1" applyBorder="1" applyAlignment="1">
      <alignment vertical="center"/>
    </xf>
    <xf numFmtId="49" fontId="6" fillId="0" borderId="4" xfId="1" applyNumberFormat="1" applyFont="1" applyBorder="1" applyAlignment="1">
      <alignment horizontal="center" wrapText="1"/>
    </xf>
    <xf numFmtId="49" fontId="8" fillId="0" borderId="0" xfId="1" applyNumberFormat="1" applyFont="1" applyAlignment="1">
      <alignment horizontal="center" vertical="center" wrapText="1"/>
    </xf>
    <xf numFmtId="164" fontId="22" fillId="0" borderId="0" xfId="1" applyNumberFormat="1" applyFont="1" applyAlignment="1">
      <alignment vertical="center"/>
    </xf>
    <xf numFmtId="0" fontId="10" fillId="0" borderId="0" xfId="1" applyFont="1" applyAlignment="1">
      <alignment vertical="center"/>
    </xf>
    <xf numFmtId="0" fontId="1" fillId="0" borderId="0" xfId="1" applyAlignment="1">
      <alignment vertical="center"/>
    </xf>
    <xf numFmtId="49" fontId="6" fillId="0" borderId="5" xfId="1" applyNumberFormat="1" applyFont="1" applyBorder="1" applyAlignment="1">
      <alignment horizontal="center" wrapText="1"/>
    </xf>
    <xf numFmtId="49" fontId="6" fillId="2" borderId="5" xfId="1" applyNumberFormat="1" applyFont="1" applyFill="1" applyBorder="1" applyAlignment="1">
      <alignment horizontal="center" wrapText="1"/>
    </xf>
    <xf numFmtId="165" fontId="6" fillId="0" borderId="4" xfId="1" applyNumberFormat="1" applyFont="1" applyBorder="1" applyAlignment="1">
      <alignment horizontal="center" vertical="center" wrapText="1"/>
    </xf>
    <xf numFmtId="49" fontId="6" fillId="0" borderId="0" xfId="1" applyNumberFormat="1" applyFont="1" applyAlignment="1">
      <alignment horizontal="left" vertical="center" indent="1"/>
    </xf>
    <xf numFmtId="165" fontId="6" fillId="0" borderId="0" xfId="1" applyNumberFormat="1" applyFont="1" applyAlignment="1">
      <alignment vertical="center"/>
    </xf>
    <xf numFmtId="166" fontId="26" fillId="0" borderId="0" xfId="1" applyNumberFormat="1" applyFont="1" applyAlignment="1">
      <alignment vertical="center"/>
    </xf>
    <xf numFmtId="166" fontId="26" fillId="2" borderId="0" xfId="1" applyNumberFormat="1" applyFont="1" applyFill="1" applyAlignment="1">
      <alignment vertical="center"/>
    </xf>
    <xf numFmtId="0" fontId="14" fillId="2" borderId="0" xfId="1" applyFont="1" applyFill="1" applyAlignment="1">
      <alignment vertical="center"/>
    </xf>
    <xf numFmtId="0" fontId="2" fillId="0" borderId="2" xfId="1" applyFont="1" applyBorder="1" applyAlignment="1">
      <alignment vertical="center"/>
    </xf>
    <xf numFmtId="0" fontId="38" fillId="0" borderId="2" xfId="1" applyFont="1" applyBorder="1" applyAlignment="1">
      <alignment vertical="center"/>
    </xf>
    <xf numFmtId="0" fontId="10" fillId="0" borderId="2" xfId="1" applyFont="1" applyBorder="1" applyAlignment="1">
      <alignment vertical="center"/>
    </xf>
    <xf numFmtId="0" fontId="10" fillId="0" borderId="3" xfId="1" applyFont="1" applyBorder="1" applyAlignment="1">
      <alignment vertical="center"/>
    </xf>
    <xf numFmtId="171" fontId="6" fillId="0" borderId="0" xfId="1" applyNumberFormat="1" applyFont="1" applyAlignment="1">
      <alignment horizontal="right" vertical="center"/>
    </xf>
    <xf numFmtId="171" fontId="6" fillId="2" borderId="0" xfId="1" applyNumberFormat="1" applyFont="1" applyFill="1" applyAlignment="1">
      <alignment horizontal="right" vertical="center"/>
    </xf>
    <xf numFmtId="0" fontId="6" fillId="0" borderId="0" xfId="1" applyFont="1" applyAlignment="1">
      <alignment horizontal="right" vertical="center"/>
    </xf>
    <xf numFmtId="0" fontId="6" fillId="2" borderId="0" xfId="1" applyFont="1" applyFill="1" applyAlignment="1">
      <alignment horizontal="right" vertical="center"/>
    </xf>
    <xf numFmtId="37" fontId="6" fillId="0" borderId="0" xfId="1" applyNumberFormat="1" applyFont="1" applyAlignment="1">
      <alignment horizontal="right" vertical="center"/>
    </xf>
    <xf numFmtId="37" fontId="6" fillId="2" borderId="0" xfId="1" applyNumberFormat="1" applyFont="1" applyFill="1" applyAlignment="1">
      <alignment horizontal="right" vertical="center"/>
    </xf>
    <xf numFmtId="37" fontId="7" fillId="0" borderId="0" xfId="1" applyNumberFormat="1" applyFont="1" applyAlignment="1">
      <alignment horizontal="right" vertical="center"/>
    </xf>
    <xf numFmtId="170" fontId="6" fillId="0" borderId="0" xfId="1" applyNumberFormat="1" applyFont="1" applyAlignment="1">
      <alignment horizontal="right" vertical="center"/>
    </xf>
    <xf numFmtId="170" fontId="6" fillId="2" borderId="0" xfId="1" applyNumberFormat="1" applyFont="1" applyFill="1" applyAlignment="1">
      <alignment horizontal="right" vertical="center"/>
    </xf>
    <xf numFmtId="171" fontId="7" fillId="0" borderId="0" xfId="1" applyNumberFormat="1" applyFont="1" applyAlignment="1">
      <alignment horizontal="right" vertical="center"/>
    </xf>
    <xf numFmtId="37" fontId="14" fillId="0" borderId="0" xfId="1" applyNumberFormat="1" applyFont="1" applyAlignment="1">
      <alignment horizontal="right" vertical="center"/>
    </xf>
    <xf numFmtId="37" fontId="14" fillId="2" borderId="0" xfId="1" applyNumberFormat="1" applyFont="1" applyFill="1" applyAlignment="1">
      <alignment horizontal="right" vertical="center"/>
    </xf>
    <xf numFmtId="37" fontId="6" fillId="0" borderId="0" xfId="1" applyNumberFormat="1" applyFont="1" applyAlignment="1">
      <alignment vertical="center"/>
    </xf>
    <xf numFmtId="0" fontId="1" fillId="0" borderId="2" xfId="1" applyBorder="1" applyAlignment="1">
      <alignment vertical="center"/>
    </xf>
    <xf numFmtId="37" fontId="14" fillId="0" borderId="2" xfId="1" applyNumberFormat="1" applyFont="1" applyBorder="1" applyAlignment="1">
      <alignment vertical="center"/>
    </xf>
    <xf numFmtId="37" fontId="14" fillId="2" borderId="2" xfId="1" applyNumberFormat="1" applyFont="1" applyFill="1" applyBorder="1" applyAlignment="1">
      <alignment vertical="center"/>
    </xf>
    <xf numFmtId="49" fontId="2" fillId="0" borderId="2" xfId="1" applyNumberFormat="1" applyFont="1" applyBorder="1" applyAlignment="1">
      <alignment vertical="center"/>
    </xf>
    <xf numFmtId="0" fontId="3" fillId="0" borderId="2" xfId="1" applyFont="1" applyBorder="1" applyAlignment="1">
      <alignment vertical="center"/>
    </xf>
    <xf numFmtId="0" fontId="24" fillId="0" borderId="2" xfId="1" applyFont="1" applyBorder="1" applyAlignment="1">
      <alignment vertical="center"/>
    </xf>
    <xf numFmtId="164" fontId="2" fillId="0" borderId="2" xfId="1" applyNumberFormat="1" applyFont="1" applyBorder="1" applyAlignment="1">
      <alignment vertical="center"/>
    </xf>
    <xf numFmtId="0" fontId="2" fillId="0" borderId="0" xfId="1" applyFont="1" applyAlignment="1">
      <alignment vertical="center"/>
    </xf>
    <xf numFmtId="49" fontId="6" fillId="0" borderId="0" xfId="1" applyNumberFormat="1" applyFont="1" applyAlignment="1">
      <alignment horizontal="center" vertical="center"/>
    </xf>
    <xf numFmtId="49" fontId="6" fillId="0" borderId="0" xfId="1" applyNumberFormat="1" applyFont="1" applyAlignment="1">
      <alignment horizontal="center"/>
    </xf>
    <xf numFmtId="0" fontId="17" fillId="0" borderId="0" xfId="1" applyFont="1" applyAlignment="1">
      <alignment horizontal="center"/>
    </xf>
    <xf numFmtId="166" fontId="6" fillId="0" borderId="0" xfId="1" applyNumberFormat="1" applyFont="1" applyAlignment="1">
      <alignment horizontal="center"/>
    </xf>
    <xf numFmtId="49" fontId="6" fillId="0" borderId="2" xfId="1" applyNumberFormat="1" applyFont="1" applyBorder="1" applyAlignment="1">
      <alignment horizontal="center" vertical="center"/>
    </xf>
    <xf numFmtId="0" fontId="17" fillId="0" borderId="2" xfId="1" applyFont="1" applyBorder="1" applyAlignment="1">
      <alignment horizontal="center" vertical="center"/>
    </xf>
    <xf numFmtId="49" fontId="6" fillId="0" borderId="2" xfId="1" applyNumberFormat="1" applyFont="1" applyBorder="1" applyAlignment="1">
      <alignment horizontal="left" vertical="center"/>
    </xf>
    <xf numFmtId="49" fontId="6" fillId="0" borderId="2" xfId="1" applyNumberFormat="1" applyFont="1" applyBorder="1" applyAlignment="1">
      <alignment horizontal="center" vertical="top"/>
    </xf>
    <xf numFmtId="0" fontId="6" fillId="0" borderId="2" xfId="1" applyFont="1" applyBorder="1" applyAlignment="1">
      <alignment horizontal="center" vertical="top"/>
    </xf>
    <xf numFmtId="0" fontId="17" fillId="0" borderId="0" xfId="1" applyFont="1"/>
    <xf numFmtId="170" fontId="14" fillId="0" borderId="0" xfId="1" applyNumberFormat="1" applyFont="1" applyAlignment="1">
      <alignment horizontal="right"/>
    </xf>
    <xf numFmtId="166" fontId="14" fillId="0" borderId="0" xfId="1" applyNumberFormat="1" applyFont="1" applyAlignment="1">
      <alignment horizontal="right"/>
    </xf>
    <xf numFmtId="164" fontId="14" fillId="0" borderId="0" xfId="1" quotePrefix="1" applyNumberFormat="1" applyFont="1"/>
    <xf numFmtId="0" fontId="17" fillId="0" borderId="0" xfId="1" applyFont="1" applyAlignment="1">
      <alignment horizontal="left"/>
    </xf>
    <xf numFmtId="0" fontId="40" fillId="0" borderId="0" xfId="1" applyFont="1"/>
    <xf numFmtId="0" fontId="40" fillId="0" borderId="0" xfId="1" applyFont="1" applyAlignment="1">
      <alignment horizontal="left"/>
    </xf>
    <xf numFmtId="49" fontId="14" fillId="0" borderId="2" xfId="1" applyNumberFormat="1" applyFont="1" applyBorder="1"/>
    <xf numFmtId="0" fontId="17" fillId="0" borderId="2" xfId="1" applyFont="1" applyBorder="1"/>
    <xf numFmtId="164" fontId="14" fillId="0" borderId="2" xfId="1" applyNumberFormat="1" applyFont="1" applyBorder="1"/>
    <xf numFmtId="166" fontId="14" fillId="0" borderId="2" xfId="1" applyNumberFormat="1" applyFont="1" applyBorder="1" applyAlignment="1">
      <alignment horizontal="right"/>
    </xf>
    <xf numFmtId="49" fontId="19" fillId="0" borderId="0" xfId="1" applyNumberFormat="1" applyFont="1" applyAlignment="1">
      <alignment horizontal="right" vertical="top" wrapText="1"/>
    </xf>
    <xf numFmtId="49" fontId="19" fillId="0" borderId="0" xfId="1" applyNumberFormat="1" applyFont="1" applyAlignment="1">
      <alignment horizontal="right" vertical="center"/>
    </xf>
    <xf numFmtId="0" fontId="17" fillId="0" borderId="0" xfId="1" applyFont="1" applyAlignment="1">
      <alignment vertical="top"/>
    </xf>
    <xf numFmtId="49" fontId="30" fillId="0" borderId="0" xfId="1" applyNumberFormat="1" applyFont="1" applyAlignment="1">
      <alignment horizontal="right" vertical="center"/>
    </xf>
    <xf numFmtId="164" fontId="14" fillId="0" borderId="0" xfId="1" applyNumberFormat="1" applyFont="1" applyAlignment="1">
      <alignment horizontal="right"/>
    </xf>
    <xf numFmtId="170" fontId="2" fillId="0" borderId="6" xfId="8" applyFont="1" applyBorder="1" applyAlignment="1">
      <alignment vertical="center"/>
    </xf>
    <xf numFmtId="170" fontId="6" fillId="0" borderId="6" xfId="8" applyFont="1" applyBorder="1"/>
    <xf numFmtId="170" fontId="2" fillId="0" borderId="6" xfId="8" applyFont="1" applyBorder="1"/>
    <xf numFmtId="170" fontId="6" fillId="0" borderId="0" xfId="8" applyFont="1"/>
    <xf numFmtId="170" fontId="6" fillId="0" borderId="0" xfId="8" applyFont="1" applyAlignment="1">
      <alignment horizontal="center"/>
    </xf>
    <xf numFmtId="170" fontId="19" fillId="0" borderId="0" xfId="8" applyFont="1" applyAlignment="1">
      <alignment horizontal="center" vertical="center"/>
    </xf>
    <xf numFmtId="170" fontId="19" fillId="0" borderId="0" xfId="8" applyFont="1" applyAlignment="1">
      <alignment vertical="center"/>
    </xf>
    <xf numFmtId="170" fontId="19" fillId="0" borderId="0" xfId="8" applyFont="1" applyAlignment="1">
      <alignment horizontal="center"/>
    </xf>
    <xf numFmtId="170" fontId="6" fillId="0" borderId="6" xfId="8" applyFont="1" applyBorder="1" applyAlignment="1">
      <alignment horizontal="center"/>
    </xf>
    <xf numFmtId="170" fontId="19" fillId="0" borderId="6" xfId="8" applyFont="1" applyBorder="1" applyAlignment="1">
      <alignment horizontal="center"/>
    </xf>
    <xf numFmtId="170" fontId="6" fillId="0" borderId="0" xfId="8" applyFont="1" applyAlignment="1">
      <alignment vertical="center"/>
    </xf>
    <xf numFmtId="170" fontId="6" fillId="0" borderId="7" xfId="8" applyFont="1" applyBorder="1" applyAlignment="1">
      <alignment horizontal="center" vertical="center"/>
    </xf>
    <xf numFmtId="164" fontId="6" fillId="0" borderId="0" xfId="8" applyNumberFormat="1" applyFont="1" applyAlignment="1">
      <alignment vertical="center"/>
    </xf>
    <xf numFmtId="164" fontId="14" fillId="0" borderId="0" xfId="8" applyNumberFormat="1" applyFont="1" applyAlignment="1">
      <alignment vertical="center"/>
    </xf>
    <xf numFmtId="166" fontId="6" fillId="0" borderId="0" xfId="8" applyNumberFormat="1" applyFont="1" applyAlignment="1">
      <alignment vertical="center"/>
    </xf>
    <xf numFmtId="170" fontId="14" fillId="0" borderId="0" xfId="8" applyFont="1"/>
    <xf numFmtId="49" fontId="6" fillId="0" borderId="0" xfId="8" applyNumberFormat="1" applyFont="1" applyAlignment="1">
      <alignment vertical="center"/>
    </xf>
    <xf numFmtId="170" fontId="6" fillId="0" borderId="0" xfId="8" quotePrefix="1" applyFont="1" applyAlignment="1">
      <alignment vertical="center"/>
    </xf>
    <xf numFmtId="164" fontId="17" fillId="0" borderId="0" xfId="8" quotePrefix="1" applyNumberFormat="1" applyFont="1" applyAlignment="1">
      <alignment horizontal="left" vertical="center"/>
    </xf>
    <xf numFmtId="164" fontId="42" fillId="0" borderId="0" xfId="8" applyNumberFormat="1" applyFont="1" applyAlignment="1">
      <alignment horizontal="left" vertical="center"/>
    </xf>
    <xf numFmtId="164" fontId="6" fillId="0" borderId="0" xfId="8" applyNumberFormat="1" applyFont="1" applyAlignment="1">
      <alignment horizontal="center" vertical="center"/>
    </xf>
    <xf numFmtId="164" fontId="30" fillId="0" borderId="0" xfId="8" quotePrefix="1" applyNumberFormat="1" applyFont="1" applyAlignment="1">
      <alignment horizontal="left" vertical="center"/>
    </xf>
    <xf numFmtId="170" fontId="14" fillId="0" borderId="0" xfId="8" applyFont="1" applyAlignment="1">
      <alignment vertical="center"/>
    </xf>
    <xf numFmtId="170" fontId="43" fillId="0" borderId="0" xfId="8" applyFont="1" applyAlignment="1">
      <alignment horizontal="left"/>
    </xf>
    <xf numFmtId="170" fontId="39" fillId="0" borderId="0" xfId="8" applyFont="1" applyAlignment="1">
      <alignment horizontal="left"/>
    </xf>
    <xf numFmtId="170" fontId="44" fillId="0" borderId="0" xfId="8" applyFont="1" applyAlignment="1">
      <alignment horizontal="left"/>
    </xf>
    <xf numFmtId="170" fontId="18" fillId="0" borderId="0" xfId="8" applyFont="1" applyAlignment="1">
      <alignment vertical="center"/>
    </xf>
    <xf numFmtId="172" fontId="6" fillId="0" borderId="0" xfId="8" applyNumberFormat="1" applyFont="1" applyAlignment="1">
      <alignment vertical="center"/>
    </xf>
    <xf numFmtId="170" fontId="6" fillId="0" borderId="9" xfId="8" applyFont="1" applyBorder="1"/>
    <xf numFmtId="49" fontId="14" fillId="0" borderId="9" xfId="8" applyNumberFormat="1" applyFont="1" applyBorder="1"/>
    <xf numFmtId="164" fontId="14" fillId="0" borderId="9" xfId="8" applyNumberFormat="1" applyFont="1" applyBorder="1"/>
    <xf numFmtId="170" fontId="14" fillId="0" borderId="9" xfId="8" applyFont="1" applyBorder="1"/>
    <xf numFmtId="166" fontId="14" fillId="0" borderId="9" xfId="8" applyNumberFormat="1" applyFont="1" applyBorder="1"/>
    <xf numFmtId="49" fontId="14" fillId="0" borderId="0" xfId="8" applyNumberFormat="1" applyFont="1"/>
    <xf numFmtId="164" fontId="14" fillId="0" borderId="0" xfId="8" applyNumberFormat="1" applyFont="1"/>
    <xf numFmtId="166" fontId="14" fillId="0" borderId="0" xfId="8" applyNumberFormat="1" applyFont="1"/>
    <xf numFmtId="164" fontId="30" fillId="0" borderId="0" xfId="8" applyNumberFormat="1" applyFont="1" applyAlignment="1">
      <alignment horizontal="right" vertical="top"/>
    </xf>
    <xf numFmtId="170" fontId="19" fillId="0" borderId="0" xfId="8" applyFont="1"/>
    <xf numFmtId="165" fontId="14" fillId="0" borderId="2" xfId="1" applyNumberFormat="1" applyFont="1" applyBorder="1" applyAlignment="1">
      <alignment horizontal="right" vertical="center"/>
    </xf>
    <xf numFmtId="49" fontId="6" fillId="0" borderId="3" xfId="1" applyNumberFormat="1" applyFont="1" applyBorder="1" applyAlignment="1">
      <alignment vertical="top"/>
    </xf>
    <xf numFmtId="0" fontId="1" fillId="0" borderId="3" xfId="1" applyBorder="1" applyAlignment="1">
      <alignment vertical="top"/>
    </xf>
    <xf numFmtId="164" fontId="14" fillId="0" borderId="0" xfId="1" applyNumberFormat="1" applyFont="1" applyAlignment="1">
      <alignment vertical="top"/>
    </xf>
    <xf numFmtId="165" fontId="14" fillId="0" borderId="0" xfId="1" applyNumberFormat="1" applyFont="1" applyAlignment="1">
      <alignment horizontal="right" vertical="top"/>
    </xf>
    <xf numFmtId="0" fontId="6" fillId="0" borderId="0" xfId="1" applyFont="1" applyAlignment="1">
      <alignment vertical="top" wrapText="1"/>
    </xf>
    <xf numFmtId="0" fontId="1" fillId="0" borderId="0" xfId="1" applyAlignment="1">
      <alignment vertical="top" wrapText="1"/>
    </xf>
    <xf numFmtId="0" fontId="6" fillId="0" borderId="0" xfId="1" applyFont="1" applyAlignment="1">
      <alignment horizontal="left" vertical="top" wrapText="1"/>
    </xf>
    <xf numFmtId="49" fontId="19" fillId="4" borderId="0" xfId="1" applyNumberFormat="1" applyFont="1" applyFill="1" applyAlignment="1">
      <alignment horizontal="left" vertical="top" wrapText="1"/>
    </xf>
    <xf numFmtId="49" fontId="19" fillId="0" borderId="0" xfId="1" applyNumberFormat="1" applyFont="1" applyAlignment="1">
      <alignment horizontal="left" vertical="top" wrapText="1"/>
    </xf>
    <xf numFmtId="0" fontId="19" fillId="0" borderId="0" xfId="1" applyFont="1" applyAlignment="1">
      <alignment horizontal="left" vertical="top" wrapText="1"/>
    </xf>
    <xf numFmtId="0" fontId="19" fillId="0" borderId="0" xfId="1" applyFont="1" applyAlignment="1">
      <alignment horizontal="left" vertical="top"/>
    </xf>
    <xf numFmtId="0" fontId="19" fillId="0" borderId="0" xfId="1" applyFont="1" applyAlignment="1">
      <alignment vertical="top" wrapText="1"/>
    </xf>
    <xf numFmtId="0" fontId="6" fillId="0" borderId="3" xfId="1" applyFont="1" applyBorder="1" applyAlignment="1">
      <alignment horizontal="center" wrapText="1"/>
    </xf>
    <xf numFmtId="0" fontId="6" fillId="0" borderId="0" xfId="1" applyFont="1" applyAlignment="1">
      <alignment horizontal="center" wrapText="1"/>
    </xf>
    <xf numFmtId="0" fontId="6" fillId="0" borderId="2" xfId="1" applyFont="1" applyBorder="1" applyAlignment="1">
      <alignment horizontal="center" wrapText="1"/>
    </xf>
    <xf numFmtId="0" fontId="6" fillId="2" borderId="3" xfId="1" applyFont="1" applyFill="1" applyBorder="1" applyAlignment="1">
      <alignment horizontal="center" wrapText="1"/>
    </xf>
    <xf numFmtId="0" fontId="6" fillId="2" borderId="0" xfId="1" applyFont="1" applyFill="1" applyAlignment="1">
      <alignment horizontal="center" wrapText="1"/>
    </xf>
    <xf numFmtId="0" fontId="6" fillId="2" borderId="2" xfId="1" applyFont="1" applyFill="1" applyBorder="1" applyAlignment="1">
      <alignment horizontal="center" wrapText="1"/>
    </xf>
    <xf numFmtId="170" fontId="6" fillId="0" borderId="3" xfId="1" applyNumberFormat="1" applyFont="1" applyBorder="1" applyAlignment="1">
      <alignment horizontal="center" vertical="center" wrapText="1"/>
    </xf>
    <xf numFmtId="0" fontId="1" fillId="0" borderId="0" xfId="1" applyAlignment="1">
      <alignment horizontal="center" vertical="center" wrapText="1"/>
    </xf>
    <xf numFmtId="0" fontId="1" fillId="0" borderId="2" xfId="1" applyBorder="1" applyAlignment="1">
      <alignment horizontal="center" vertical="center" wrapText="1"/>
    </xf>
    <xf numFmtId="170" fontId="19" fillId="0" borderId="6" xfId="8" applyFont="1" applyBorder="1" applyAlignment="1">
      <alignment horizontal="center" wrapText="1"/>
    </xf>
    <xf numFmtId="170" fontId="41" fillId="0" borderId="6" xfId="8" applyBorder="1" applyAlignment="1">
      <alignment horizontal="center" wrapText="1"/>
    </xf>
    <xf numFmtId="170" fontId="19" fillId="0" borderId="0" xfId="8" applyFont="1" applyAlignment="1">
      <alignment horizontal="left" wrapText="1"/>
    </xf>
    <xf numFmtId="170" fontId="41" fillId="0" borderId="0" xfId="8" applyAlignment="1">
      <alignment horizontal="left" wrapText="1"/>
    </xf>
    <xf numFmtId="170" fontId="41" fillId="0" borderId="6" xfId="8" applyBorder="1" applyAlignment="1">
      <alignment horizontal="left" wrapText="1"/>
    </xf>
    <xf numFmtId="170" fontId="19" fillId="0" borderId="7" xfId="8" applyFont="1" applyBorder="1" applyAlignment="1">
      <alignment horizontal="center" wrapText="1"/>
    </xf>
    <xf numFmtId="170" fontId="41" fillId="0" borderId="0" xfId="8" applyAlignment="1">
      <alignment horizontal="center" wrapText="1"/>
    </xf>
    <xf numFmtId="170" fontId="41" fillId="0" borderId="0" xfId="8" applyAlignment="1">
      <alignment wrapText="1"/>
    </xf>
    <xf numFmtId="170" fontId="41" fillId="0" borderId="6" xfId="8" applyBorder="1" applyAlignment="1">
      <alignment wrapText="1"/>
    </xf>
    <xf numFmtId="170" fontId="19" fillId="0" borderId="0" xfId="8" applyFont="1" applyAlignment="1">
      <alignment horizontal="left" vertical="top" wrapText="1"/>
    </xf>
    <xf numFmtId="170" fontId="45" fillId="0" borderId="0" xfId="8" applyFont="1" applyAlignment="1">
      <alignment horizontal="left" vertical="top" wrapText="1"/>
    </xf>
    <xf numFmtId="170" fontId="41" fillId="0" borderId="0" xfId="8" applyAlignment="1">
      <alignment horizontal="left" vertical="top" wrapText="1"/>
    </xf>
    <xf numFmtId="170" fontId="19" fillId="0" borderId="0" xfId="8" applyFont="1" applyAlignment="1">
      <alignment horizontal="center" wrapText="1"/>
    </xf>
    <xf numFmtId="170" fontId="6" fillId="0" borderId="8" xfId="8" applyFont="1" applyBorder="1" applyAlignment="1">
      <alignment horizontal="center"/>
    </xf>
  </cellXfs>
  <cellStyles count="9">
    <cellStyle name="Comma 2" xfId="3" xr:uid="{EF16870E-208C-4D1D-ADE7-F7BAD471C49C}"/>
    <cellStyle name="Hyperlink 2" xfId="5" xr:uid="{F1FC4D70-88ED-457E-9239-47B409720EF9}"/>
    <cellStyle name="Normal" xfId="0" builtinId="0"/>
    <cellStyle name="Normal 10 2" xfId="6" xr:uid="{4DE77458-6B05-4F8F-AE3A-5D5EE565A7F8}"/>
    <cellStyle name="Normal 2" xfId="1" xr:uid="{2B88AAED-FC19-4C22-99F6-35A2FB4532D4}"/>
    <cellStyle name="Normal 2 2" xfId="4" xr:uid="{A57F6D85-1598-41E1-8BAC-B4542635E4D5}"/>
    <cellStyle name="Normal 3" xfId="8" xr:uid="{062E9767-DAC3-47C2-BE12-A4B550511DBB}"/>
    <cellStyle name="Normal 4" xfId="2" xr:uid="{822A6B06-CB4E-4BE1-A2D6-F03C0FA6B0D5}"/>
    <cellStyle name="Percent 2" xfId="7" xr:uid="{71A9963B-A79C-4379-84F1-14F7FA6F43E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microsoft.com/office/2017/10/relationships/person" Target="persons/perso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fp.idir.bcgov\s167\FEP\ECB\Staff%20Folders\Chris\2010%20Q1\3_June_Unadjusted%20Actua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BUDGET\2002_03\Fiscal\Chapter\Tables\debt\Debt%203-year%20presentation.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inistry Detail_Base0"/>
      <sheetName val="Ministry Detail"/>
      <sheetName val="Ministry Detail_Static"/>
      <sheetName val="Macro1"/>
      <sheetName val="Sheet1"/>
    </sheetNames>
    <sheetDataSet>
      <sheetData sheetId="0"/>
      <sheetData sheetId="1"/>
      <sheetData sheetId="2"/>
      <sheetData sheetId="3">
        <row r="106">
          <cell r="A106" t="str">
            <v>Recover</v>
          </cell>
        </row>
      </sheetData>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3-yr detail"/>
      <sheetName val="3-yr summary"/>
      <sheetName val="Table C12"/>
      <sheetName val="Supp Table 7"/>
      <sheetName val="Direct Debt"/>
      <sheetName val="Forecast Agency Debt"/>
      <sheetName val="Budget Agency Debt"/>
      <sheetName val="Total Forecast Agencies"/>
      <sheetName val="Total Budget Agencies"/>
      <sheetName val="Other Guarantees"/>
      <sheetName val="Non-guarantees"/>
      <sheetName val="Chart Data"/>
      <sheetName val="RF - short"/>
      <sheetName val="Table 2.17"/>
      <sheetName val="Forecast Guarantees"/>
      <sheetName val="Budget Guarantees"/>
    </sheetNames>
    <sheetDataSet>
      <sheetData sheetId="0"/>
      <sheetData sheetId="1" refreshError="1"/>
      <sheetData sheetId="2" refreshError="1"/>
      <sheetData sheetId="3">
        <row r="55">
          <cell r="I55">
            <v>34490</v>
          </cell>
          <cell r="K55">
            <v>33879</v>
          </cell>
          <cell r="O55">
            <v>36385</v>
          </cell>
          <cell r="Q55">
            <v>40728</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330D79-B05D-406D-9058-8A15594E4137}">
  <sheetPr>
    <pageSetUpPr fitToPage="1"/>
  </sheetPr>
  <dimension ref="A1:P24"/>
  <sheetViews>
    <sheetView showGridLines="0" tabSelected="1" view="pageBreakPreview" zoomScaleNormal="100" zoomScaleSheetLayoutView="100" workbookViewId="0">
      <selection activeCell="G16" sqref="G16"/>
    </sheetView>
  </sheetViews>
  <sheetFormatPr defaultColWidth="8.5546875" defaultRowHeight="11.4"/>
  <cols>
    <col min="1" max="2" width="2.44140625" style="60" customWidth="1"/>
    <col min="3" max="3" width="28.21875" style="60" customWidth="1"/>
    <col min="4" max="16" width="8.5546875" style="59" customWidth="1"/>
    <col min="17" max="16384" width="8.5546875" style="59"/>
  </cols>
  <sheetData>
    <row r="1" spans="1:16" s="4" customFormat="1" ht="20.25" customHeight="1">
      <c r="A1" s="1" t="s">
        <v>0</v>
      </c>
      <c r="B1" s="2"/>
      <c r="C1" s="2"/>
      <c r="D1" s="2"/>
      <c r="E1" s="2"/>
      <c r="F1" s="2"/>
      <c r="G1" s="2"/>
      <c r="H1" s="2"/>
      <c r="I1" s="2"/>
      <c r="J1" s="2"/>
      <c r="K1" s="2"/>
      <c r="L1" s="2"/>
      <c r="M1" s="2"/>
      <c r="N1" s="2"/>
      <c r="O1" s="2"/>
      <c r="P1" s="2"/>
    </row>
    <row r="2" spans="1:16" s="11" customFormat="1" ht="35.1" customHeight="1">
      <c r="A2" s="5" t="s">
        <v>1</v>
      </c>
      <c r="B2" s="5"/>
      <c r="C2" s="6"/>
      <c r="D2" s="7" t="s">
        <v>2</v>
      </c>
      <c r="E2" s="7" t="s">
        <v>3</v>
      </c>
      <c r="F2" s="7" t="s">
        <v>4</v>
      </c>
      <c r="G2" s="7" t="s">
        <v>5</v>
      </c>
      <c r="H2" s="7" t="s">
        <v>6</v>
      </c>
      <c r="I2" s="8" t="s">
        <v>7</v>
      </c>
      <c r="J2" s="8" t="s">
        <v>8</v>
      </c>
      <c r="K2" s="8" t="s">
        <v>9</v>
      </c>
      <c r="L2" s="8" t="s">
        <v>10</v>
      </c>
      <c r="M2" s="8" t="s">
        <v>11</v>
      </c>
      <c r="N2" s="8" t="s">
        <v>12</v>
      </c>
      <c r="O2" s="9" t="s">
        <v>13</v>
      </c>
      <c r="P2" s="10" t="s">
        <v>14</v>
      </c>
    </row>
    <row r="3" spans="1:16" s="18" customFormat="1" ht="15" customHeight="1">
      <c r="A3" s="12"/>
      <c r="B3" s="13"/>
      <c r="C3" s="13"/>
      <c r="D3" s="14"/>
      <c r="E3" s="14"/>
      <c r="F3" s="14"/>
      <c r="G3" s="14"/>
      <c r="H3" s="14"/>
      <c r="I3" s="15"/>
      <c r="J3" s="15"/>
      <c r="K3" s="15"/>
      <c r="L3" s="15"/>
      <c r="M3" s="15"/>
      <c r="N3" s="15"/>
      <c r="O3" s="16"/>
      <c r="P3" s="17" t="s">
        <v>15</v>
      </c>
    </row>
    <row r="4" spans="1:16" s="18" customFormat="1" ht="10.199999999999999">
      <c r="A4" s="13"/>
      <c r="B4" s="13" t="s">
        <v>16</v>
      </c>
      <c r="C4" s="13"/>
      <c r="D4" s="14">
        <v>41361</v>
      </c>
      <c r="E4" s="14">
        <v>43146</v>
      </c>
      <c r="F4" s="14">
        <v>45670</v>
      </c>
      <c r="G4" s="14">
        <v>46918</v>
      </c>
      <c r="H4" s="14">
        <v>50943</v>
      </c>
      <c r="I4" s="19">
        <v>51940</v>
      </c>
      <c r="J4" s="19">
        <v>56950</v>
      </c>
      <c r="K4" s="14">
        <v>58493</v>
      </c>
      <c r="L4" s="14">
        <v>62047</v>
      </c>
      <c r="M4" s="14">
        <v>72391</v>
      </c>
      <c r="N4" s="14">
        <v>81790</v>
      </c>
      <c r="O4" s="20">
        <v>79623</v>
      </c>
      <c r="P4" s="21">
        <v>6.1350586462457501</v>
      </c>
    </row>
    <row r="5" spans="1:16" s="18" customFormat="1" ht="12">
      <c r="A5" s="13"/>
      <c r="B5" s="13" t="s">
        <v>17</v>
      </c>
      <c r="C5" s="13"/>
      <c r="D5" s="22">
        <v>-43242</v>
      </c>
      <c r="E5" s="22">
        <v>-43439</v>
      </c>
      <c r="F5" s="22">
        <v>-44477</v>
      </c>
      <c r="G5" s="22">
        <v>-46869</v>
      </c>
      <c r="H5" s="22">
        <v>-48721</v>
      </c>
      <c r="I5" s="23">
        <v>-51744</v>
      </c>
      <c r="J5" s="23">
        <v>-55634</v>
      </c>
      <c r="K5" s="22">
        <v>-59024</v>
      </c>
      <c r="L5" s="22">
        <v>-67662</v>
      </c>
      <c r="M5" s="22">
        <v>-71129</v>
      </c>
      <c r="N5" s="22">
        <v>-80834</v>
      </c>
      <c r="O5" s="24">
        <v>-84658</v>
      </c>
      <c r="P5" s="21">
        <v>6.2976930519703656</v>
      </c>
    </row>
    <row r="6" spans="1:16" s="18" customFormat="1" ht="10.199999999999999">
      <c r="A6" s="12" t="s">
        <v>18</v>
      </c>
      <c r="B6" s="13"/>
      <c r="C6" s="13"/>
      <c r="D6" s="25">
        <v>-1881</v>
      </c>
      <c r="E6" s="25">
        <v>-293</v>
      </c>
      <c r="F6" s="25">
        <v>1193</v>
      </c>
      <c r="G6" s="25">
        <v>49</v>
      </c>
      <c r="H6" s="25">
        <v>2222</v>
      </c>
      <c r="I6" s="26">
        <v>196</v>
      </c>
      <c r="J6" s="26">
        <v>1316</v>
      </c>
      <c r="K6" s="25">
        <v>-531</v>
      </c>
      <c r="L6" s="25">
        <v>-5615</v>
      </c>
      <c r="M6" s="25">
        <v>1262</v>
      </c>
      <c r="N6" s="25">
        <v>956</v>
      </c>
      <c r="O6" s="27">
        <v>-5035</v>
      </c>
      <c r="P6" s="21"/>
    </row>
    <row r="7" spans="1:16" s="18" customFormat="1" ht="10.199999999999999">
      <c r="A7" s="28"/>
      <c r="B7" s="29" t="s">
        <v>19</v>
      </c>
      <c r="C7" s="29"/>
      <c r="D7" s="30"/>
      <c r="E7" s="30"/>
      <c r="F7" s="30"/>
      <c r="G7" s="30"/>
      <c r="H7" s="30"/>
      <c r="I7" s="31"/>
      <c r="J7" s="31"/>
      <c r="K7" s="30"/>
      <c r="L7" s="30"/>
      <c r="M7" s="31"/>
      <c r="N7" s="31"/>
      <c r="O7" s="32"/>
      <c r="P7" s="33"/>
    </row>
    <row r="8" spans="1:16" s="18" customFormat="1" ht="12">
      <c r="A8" s="28"/>
      <c r="B8" s="29"/>
      <c r="C8" s="29" t="s">
        <v>20</v>
      </c>
      <c r="D8" s="34">
        <v>4948</v>
      </c>
      <c r="E8" s="34">
        <v>3067</v>
      </c>
      <c r="F8" s="34">
        <v>2774</v>
      </c>
      <c r="G8" s="34">
        <v>3967</v>
      </c>
      <c r="H8" s="34">
        <v>4016</v>
      </c>
      <c r="I8" s="35">
        <v>6238</v>
      </c>
      <c r="J8" s="35">
        <v>6434</v>
      </c>
      <c r="K8" s="34">
        <v>7750</v>
      </c>
      <c r="L8" s="34">
        <v>7219</v>
      </c>
      <c r="M8" s="34">
        <v>1604</v>
      </c>
      <c r="N8" s="34">
        <v>2866</v>
      </c>
      <c r="O8" s="36">
        <v>3822</v>
      </c>
      <c r="P8" s="33"/>
    </row>
    <row r="9" spans="1:16" s="18" customFormat="1" ht="10.199999999999999">
      <c r="A9" s="28"/>
      <c r="B9" s="29" t="s">
        <v>21</v>
      </c>
      <c r="C9" s="29"/>
      <c r="D9" s="30"/>
      <c r="E9" s="30"/>
      <c r="F9" s="30"/>
      <c r="G9" s="30"/>
      <c r="H9" s="30"/>
      <c r="I9" s="31"/>
      <c r="J9" s="31"/>
      <c r="K9" s="30"/>
      <c r="L9" s="30"/>
      <c r="M9" s="31"/>
      <c r="N9" s="31"/>
      <c r="O9" s="32"/>
      <c r="P9" s="33"/>
    </row>
    <row r="10" spans="1:16" s="18" customFormat="1" ht="10.199999999999999">
      <c r="A10" s="28"/>
      <c r="B10" s="29"/>
      <c r="C10" s="29" t="s">
        <v>20</v>
      </c>
      <c r="D10" s="30">
        <v>3067</v>
      </c>
      <c r="E10" s="30">
        <v>2774</v>
      </c>
      <c r="F10" s="30">
        <v>3967</v>
      </c>
      <c r="G10" s="30">
        <v>4016</v>
      </c>
      <c r="H10" s="30">
        <v>6238</v>
      </c>
      <c r="I10" s="37">
        <v>6434</v>
      </c>
      <c r="J10" s="37">
        <v>7750</v>
      </c>
      <c r="K10" s="30">
        <v>7219</v>
      </c>
      <c r="L10" s="30">
        <v>1604</v>
      </c>
      <c r="M10" s="30">
        <v>2866</v>
      </c>
      <c r="N10" s="30">
        <v>3822</v>
      </c>
      <c r="O10" s="38">
        <v>-1213</v>
      </c>
      <c r="P10" s="33"/>
    </row>
    <row r="11" spans="1:16" s="18" customFormat="1" ht="12">
      <c r="A11" s="28"/>
      <c r="B11" s="29" t="s">
        <v>22</v>
      </c>
      <c r="D11" s="34">
        <v>93</v>
      </c>
      <c r="E11" s="34">
        <v>420</v>
      </c>
      <c r="F11" s="34">
        <v>145</v>
      </c>
      <c r="G11" s="34">
        <v>-502</v>
      </c>
      <c r="H11" s="34">
        <v>-266</v>
      </c>
      <c r="I11" s="35">
        <v>-230</v>
      </c>
      <c r="J11" s="35">
        <v>36</v>
      </c>
      <c r="K11" s="34">
        <v>-214</v>
      </c>
      <c r="L11" s="34">
        <v>693</v>
      </c>
      <c r="M11" s="34">
        <v>540</v>
      </c>
      <c r="N11" s="34">
        <v>-372</v>
      </c>
      <c r="O11" s="36">
        <v>-408</v>
      </c>
      <c r="P11" s="33"/>
    </row>
    <row r="12" spans="1:16" s="18" customFormat="1" ht="12">
      <c r="A12" s="12" t="s">
        <v>23</v>
      </c>
      <c r="B12" s="13"/>
      <c r="C12" s="13"/>
      <c r="D12" s="39">
        <v>3160</v>
      </c>
      <c r="E12" s="39">
        <v>3194</v>
      </c>
      <c r="F12" s="39">
        <v>4112</v>
      </c>
      <c r="G12" s="39">
        <v>3514</v>
      </c>
      <c r="H12" s="39">
        <v>5972</v>
      </c>
      <c r="I12" s="40">
        <v>6204</v>
      </c>
      <c r="J12" s="40">
        <v>7786</v>
      </c>
      <c r="K12" s="39">
        <v>7005</v>
      </c>
      <c r="L12" s="39">
        <v>2297</v>
      </c>
      <c r="M12" s="39">
        <v>3406</v>
      </c>
      <c r="N12" s="39">
        <v>3450</v>
      </c>
      <c r="O12" s="41">
        <v>-1621</v>
      </c>
      <c r="P12" s="21"/>
    </row>
    <row r="13" spans="1:16" s="18" customFormat="1" ht="10.199999999999999">
      <c r="A13" s="29"/>
      <c r="B13" s="29"/>
      <c r="C13" s="29"/>
      <c r="D13" s="30"/>
      <c r="E13" s="30"/>
      <c r="F13" s="30"/>
      <c r="G13" s="30"/>
      <c r="H13" s="30"/>
      <c r="I13" s="30"/>
      <c r="J13" s="30"/>
      <c r="K13" s="30"/>
      <c r="L13" s="30"/>
      <c r="M13" s="30"/>
      <c r="N13" s="30"/>
      <c r="O13" s="32"/>
      <c r="P13" s="33"/>
    </row>
    <row r="14" spans="1:16" s="18" customFormat="1" ht="15" customHeight="1">
      <c r="A14" s="12" t="s">
        <v>24</v>
      </c>
      <c r="B14" s="13"/>
      <c r="C14" s="13"/>
      <c r="D14" s="42"/>
      <c r="E14" s="42"/>
      <c r="F14" s="42"/>
      <c r="G14" s="42"/>
      <c r="H14" s="42"/>
      <c r="I14" s="43"/>
      <c r="J14" s="43"/>
      <c r="K14" s="43"/>
      <c r="L14" s="43"/>
      <c r="M14" s="43"/>
      <c r="N14" s="43"/>
      <c r="O14" s="44"/>
      <c r="P14" s="21"/>
    </row>
    <row r="15" spans="1:16" s="48" customFormat="1" ht="10.35" customHeight="1">
      <c r="A15" s="13"/>
      <c r="B15" s="13" t="s">
        <v>25</v>
      </c>
      <c r="C15" s="13"/>
      <c r="D15" s="45">
        <v>-0.84225891961599086</v>
      </c>
      <c r="E15" s="45">
        <v>-0.12685026041102948</v>
      </c>
      <c r="F15" s="45">
        <v>0.48919105104317023</v>
      </c>
      <c r="G15" s="45">
        <v>1.9538726553528136E-2</v>
      </c>
      <c r="H15" s="45">
        <v>0.84194731577192394</v>
      </c>
      <c r="I15" s="46">
        <v>6.9433866013893855E-2</v>
      </c>
      <c r="J15" s="46">
        <v>0.44251358476354435</v>
      </c>
      <c r="K15" s="45">
        <v>-0.17184855320347062</v>
      </c>
      <c r="L15" s="45">
        <v>-1.8265389770080545</v>
      </c>
      <c r="M15" s="45">
        <v>0.35455712668253087</v>
      </c>
      <c r="N15" s="45">
        <v>0.24189365282188177</v>
      </c>
      <c r="O15" s="47">
        <v>-1.2338932210617117</v>
      </c>
      <c r="P15" s="21"/>
    </row>
    <row r="16" spans="1:16" s="18" customFormat="1" ht="15" customHeight="1">
      <c r="A16" s="12" t="s">
        <v>26</v>
      </c>
      <c r="B16" s="13"/>
      <c r="C16" s="13"/>
      <c r="D16" s="45"/>
      <c r="E16" s="45"/>
      <c r="F16" s="45"/>
      <c r="G16" s="45"/>
      <c r="H16" s="45"/>
      <c r="I16" s="49"/>
      <c r="J16" s="49"/>
      <c r="K16" s="49"/>
      <c r="L16" s="49"/>
      <c r="M16" s="49"/>
      <c r="N16" s="49"/>
      <c r="O16" s="50"/>
      <c r="P16" s="21"/>
    </row>
    <row r="17" spans="1:16" s="48" customFormat="1" ht="10.35" customHeight="1">
      <c r="A17" s="13"/>
      <c r="B17" s="13" t="s">
        <v>25</v>
      </c>
      <c r="C17" s="13"/>
      <c r="D17" s="51">
        <v>-4.5477623848552984</v>
      </c>
      <c r="E17" s="51">
        <v>-0.67908960274417096</v>
      </c>
      <c r="F17" s="51">
        <v>2.6122180862710751</v>
      </c>
      <c r="G17" s="51">
        <v>0.10443752930644956</v>
      </c>
      <c r="H17" s="51">
        <v>4.3617376283297018</v>
      </c>
      <c r="I17" s="52">
        <v>0.37735849056603776</v>
      </c>
      <c r="J17" s="52">
        <v>2.3107989464442493</v>
      </c>
      <c r="K17" s="51">
        <v>-0.90780093344502766</v>
      </c>
      <c r="L17" s="51">
        <v>-9.0495914387480454</v>
      </c>
      <c r="M17" s="51">
        <v>1.7433106325371939</v>
      </c>
      <c r="N17" s="51">
        <v>1.168847047316298</v>
      </c>
      <c r="O17" s="53">
        <v>-6.3235497280936412</v>
      </c>
      <c r="P17" s="21"/>
    </row>
    <row r="18" spans="1:16" s="18" customFormat="1" ht="15" customHeight="1">
      <c r="A18" s="12" t="s">
        <v>27</v>
      </c>
      <c r="B18" s="13"/>
      <c r="C18" s="13"/>
      <c r="D18" s="14"/>
      <c r="E18" s="14"/>
      <c r="F18" s="14"/>
      <c r="G18" s="14"/>
      <c r="H18" s="14"/>
      <c r="I18" s="15"/>
      <c r="J18" s="15"/>
      <c r="K18" s="15"/>
      <c r="L18" s="15"/>
      <c r="M18" s="15"/>
      <c r="N18" s="15"/>
      <c r="O18" s="16"/>
      <c r="P18" s="21"/>
    </row>
    <row r="19" spans="1:16" s="48" customFormat="1" ht="10.35" customHeight="1">
      <c r="A19" s="13"/>
      <c r="B19" s="13" t="s">
        <v>25</v>
      </c>
      <c r="C19" s="13"/>
      <c r="D19" s="14">
        <v>-411.51939260525251</v>
      </c>
      <c r="E19" s="14">
        <v>-63.21544838846993</v>
      </c>
      <c r="F19" s="14">
        <v>253.14623852911214</v>
      </c>
      <c r="G19" s="14">
        <v>10.282297325427576</v>
      </c>
      <c r="H19" s="14">
        <v>457.08229682414202</v>
      </c>
      <c r="I19" s="19">
        <v>39.722735307553279</v>
      </c>
      <c r="J19" s="19">
        <v>262.10027964665858</v>
      </c>
      <c r="K19" s="14">
        <v>-103.89311570171289</v>
      </c>
      <c r="L19" s="14">
        <v>-1084.7933608714359</v>
      </c>
      <c r="M19" s="14">
        <v>241.45415862696385</v>
      </c>
      <c r="N19" s="14">
        <v>178.48194755916603</v>
      </c>
      <c r="O19" s="20">
        <v>-912.30080450979187</v>
      </c>
      <c r="P19" s="21"/>
    </row>
    <row r="20" spans="1:16" ht="6" customHeight="1">
      <c r="A20" s="54"/>
      <c r="B20" s="54"/>
      <c r="C20" s="54"/>
      <c r="D20" s="55"/>
      <c r="E20" s="55"/>
      <c r="F20" s="55"/>
      <c r="G20" s="55"/>
      <c r="H20" s="55"/>
      <c r="I20" s="56"/>
      <c r="J20" s="56"/>
      <c r="K20" s="56"/>
      <c r="L20" s="56"/>
      <c r="M20" s="56"/>
      <c r="N20" s="56"/>
      <c r="O20" s="57"/>
      <c r="P20" s="58"/>
    </row>
    <row r="21" spans="1:16" ht="6" customHeight="1">
      <c r="D21" s="61"/>
      <c r="E21" s="61"/>
      <c r="F21" s="61"/>
      <c r="G21" s="61"/>
      <c r="H21" s="61"/>
      <c r="I21" s="61"/>
      <c r="J21" s="61"/>
      <c r="K21" s="61"/>
      <c r="L21" s="61"/>
      <c r="M21" s="61"/>
      <c r="N21" s="61"/>
      <c r="O21" s="61"/>
    </row>
    <row r="22" spans="1:16" s="65" customFormat="1" ht="12.75" customHeight="1">
      <c r="A22" s="62">
        <v>1</v>
      </c>
      <c r="B22" s="63" t="s">
        <v>28</v>
      </c>
      <c r="C22" s="63"/>
      <c r="D22" s="63"/>
      <c r="E22" s="63"/>
      <c r="F22" s="64"/>
      <c r="G22" s="64"/>
      <c r="H22" s="64"/>
      <c r="I22" s="64"/>
      <c r="J22" s="64"/>
      <c r="K22" s="64"/>
      <c r="L22" s="64"/>
      <c r="M22" s="64"/>
      <c r="N22" s="64"/>
      <c r="O22" s="64"/>
      <c r="P22" s="64"/>
    </row>
    <row r="23" spans="1:16" s="66" customFormat="1" ht="23.1" customHeight="1">
      <c r="A23" s="62">
        <v>2</v>
      </c>
      <c r="B23" s="281" t="s">
        <v>506</v>
      </c>
      <c r="C23" s="282"/>
      <c r="D23" s="282"/>
      <c r="E23" s="282"/>
      <c r="F23" s="282"/>
      <c r="G23" s="282"/>
      <c r="H23" s="282"/>
      <c r="I23" s="282"/>
      <c r="J23" s="282"/>
      <c r="K23" s="282"/>
      <c r="L23" s="282"/>
      <c r="M23" s="282"/>
      <c r="N23" s="282"/>
      <c r="O23" s="282"/>
      <c r="P23" s="282"/>
    </row>
    <row r="24" spans="1:16" s="66" customFormat="1" ht="13.35" customHeight="1">
      <c r="A24" s="62">
        <v>3</v>
      </c>
      <c r="B24" s="281" t="s">
        <v>507</v>
      </c>
      <c r="C24" s="281"/>
      <c r="D24" s="281"/>
      <c r="E24" s="281"/>
      <c r="F24" s="281"/>
      <c r="G24" s="281"/>
      <c r="H24" s="281"/>
      <c r="I24" s="281"/>
      <c r="J24" s="281"/>
      <c r="K24" s="281"/>
      <c r="L24" s="281"/>
      <c r="M24" s="281"/>
      <c r="N24" s="281"/>
      <c r="O24" s="281"/>
      <c r="P24" s="281"/>
    </row>
  </sheetData>
  <mergeCells count="2">
    <mergeCell ref="B23:P23"/>
    <mergeCell ref="B24:P24"/>
  </mergeCells>
  <pageMargins left="0.74803149606299213" right="0.31496062992125984" top="0.78740157480314965" bottom="0.43307086614173229" header="0.51181102362204722" footer="0.27559055118110237"/>
  <pageSetup scale="88" orientation="landscape"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4D506C-6E2A-42F6-BFC1-FDB327B2C435}">
  <dimension ref="A1:P214"/>
  <sheetViews>
    <sheetView showGridLines="0" view="pageBreakPreview" zoomScaleNormal="110" zoomScaleSheetLayoutView="100" workbookViewId="0">
      <selection activeCell="Q45" sqref="Q45"/>
    </sheetView>
  </sheetViews>
  <sheetFormatPr defaultColWidth="8.6640625" defaultRowHeight="12"/>
  <cols>
    <col min="1" max="1" width="2.33203125" style="99" customWidth="1"/>
    <col min="2" max="2" width="2.33203125" style="94" customWidth="1"/>
    <col min="3" max="3" width="31.44140625" style="94" customWidth="1"/>
    <col min="4" max="4" width="7.88671875" style="66" customWidth="1"/>
    <col min="5" max="14" width="8" style="66" customWidth="1"/>
    <col min="15" max="15" width="8.109375" style="187" customWidth="1"/>
    <col min="16" max="16" width="8.5546875" style="66" customWidth="1"/>
    <col min="17" max="16384" width="8.6640625" style="48"/>
  </cols>
  <sheetData>
    <row r="1" spans="1:16" s="12" customFormat="1" ht="15" customHeight="1">
      <c r="A1" s="1" t="s">
        <v>270</v>
      </c>
      <c r="B1" s="2"/>
      <c r="C1" s="2"/>
      <c r="D1" s="2"/>
      <c r="E1" s="2"/>
      <c r="F1" s="2"/>
      <c r="G1" s="2"/>
      <c r="H1" s="2"/>
      <c r="I1" s="2"/>
      <c r="J1" s="2"/>
      <c r="K1" s="2"/>
      <c r="L1" s="2"/>
      <c r="M1" s="2"/>
      <c r="N1" s="2"/>
      <c r="O1" s="2"/>
      <c r="P1" s="2"/>
    </row>
    <row r="2" spans="1:16" s="176" customFormat="1" ht="33.75" customHeight="1">
      <c r="A2" s="174"/>
      <c r="B2" s="174" t="s">
        <v>1</v>
      </c>
      <c r="C2" s="174"/>
      <c r="D2" s="7" t="s">
        <v>2</v>
      </c>
      <c r="E2" s="7" t="s">
        <v>3</v>
      </c>
      <c r="F2" s="7" t="s">
        <v>4</v>
      </c>
      <c r="G2" s="7" t="s">
        <v>5</v>
      </c>
      <c r="H2" s="7" t="s">
        <v>6</v>
      </c>
      <c r="I2" s="7" t="s">
        <v>271</v>
      </c>
      <c r="J2" s="7" t="s">
        <v>272</v>
      </c>
      <c r="K2" s="7" t="s">
        <v>9</v>
      </c>
      <c r="L2" s="7" t="s">
        <v>10</v>
      </c>
      <c r="M2" s="7" t="s">
        <v>11</v>
      </c>
      <c r="N2" s="7" t="s">
        <v>12</v>
      </c>
      <c r="O2" s="74" t="s">
        <v>13</v>
      </c>
      <c r="P2" s="175" t="s">
        <v>30</v>
      </c>
    </row>
    <row r="3" spans="1:16" ht="13.95" customHeight="1">
      <c r="A3" s="12" t="s">
        <v>273</v>
      </c>
      <c r="B3" s="13"/>
      <c r="C3" s="13"/>
      <c r="D3" s="14"/>
      <c r="E3" s="14"/>
      <c r="F3" s="14"/>
      <c r="G3" s="14"/>
      <c r="H3" s="14"/>
      <c r="I3" s="15"/>
      <c r="J3" s="15"/>
      <c r="K3" s="15"/>
      <c r="L3" s="177"/>
      <c r="M3" s="15"/>
      <c r="N3" s="15"/>
      <c r="O3" s="16"/>
      <c r="P3" s="17" t="s">
        <v>15</v>
      </c>
    </row>
    <row r="4" spans="1:16" ht="13.95" customHeight="1">
      <c r="A4" s="12"/>
      <c r="B4" s="12" t="s">
        <v>274</v>
      </c>
      <c r="C4" s="13"/>
      <c r="D4" s="14"/>
      <c r="E4" s="14"/>
      <c r="F4" s="14"/>
      <c r="G4" s="14"/>
      <c r="H4" s="14"/>
      <c r="I4" s="15"/>
      <c r="J4" s="15"/>
      <c r="K4" s="15"/>
      <c r="L4" s="15"/>
      <c r="M4" s="15"/>
      <c r="N4" s="15"/>
      <c r="O4" s="16"/>
      <c r="P4" s="17"/>
    </row>
    <row r="5" spans="1:16" ht="11.7" customHeight="1">
      <c r="A5" s="12"/>
      <c r="B5" s="12"/>
      <c r="C5" s="13" t="s">
        <v>275</v>
      </c>
      <c r="D5" s="22">
        <v>9408</v>
      </c>
      <c r="E5" s="22">
        <v>10223</v>
      </c>
      <c r="F5" s="22">
        <v>9280</v>
      </c>
      <c r="G5" s="22">
        <v>8034</v>
      </c>
      <c r="H5" s="22">
        <v>4644</v>
      </c>
      <c r="I5" s="22">
        <v>1156</v>
      </c>
      <c r="J5" s="22">
        <v>0</v>
      </c>
      <c r="K5" s="22">
        <v>0</v>
      </c>
      <c r="L5" s="22">
        <v>8746</v>
      </c>
      <c r="M5" s="22">
        <v>7233</v>
      </c>
      <c r="N5" s="22">
        <v>0</v>
      </c>
      <c r="O5" s="24">
        <v>8729</v>
      </c>
      <c r="P5" s="21">
        <v>-0.67868261596295554</v>
      </c>
    </row>
    <row r="6" spans="1:16" ht="11.25" customHeight="1">
      <c r="A6" s="12"/>
      <c r="B6" s="12"/>
      <c r="C6" s="13" t="s">
        <v>276</v>
      </c>
      <c r="D6" s="82"/>
      <c r="E6" s="82"/>
      <c r="F6" s="82"/>
      <c r="G6" s="82"/>
      <c r="H6" s="82"/>
      <c r="I6" s="82"/>
      <c r="J6" s="82"/>
      <c r="K6" s="82"/>
      <c r="L6" s="82"/>
      <c r="M6" s="82"/>
      <c r="N6" s="82"/>
      <c r="O6" s="118"/>
      <c r="P6" s="21"/>
    </row>
    <row r="7" spans="1:16" ht="11.7" customHeight="1">
      <c r="A7" s="12"/>
      <c r="B7" s="12"/>
      <c r="C7" s="13" t="s">
        <v>277</v>
      </c>
      <c r="D7" s="14">
        <v>6804</v>
      </c>
      <c r="E7" s="14">
        <v>7217</v>
      </c>
      <c r="F7" s="14">
        <v>7572</v>
      </c>
      <c r="G7" s="14">
        <v>8012</v>
      </c>
      <c r="H7" s="14">
        <v>8454</v>
      </c>
      <c r="I7" s="14">
        <v>8891</v>
      </c>
      <c r="J7" s="14">
        <v>8885</v>
      </c>
      <c r="K7" s="14">
        <v>9757</v>
      </c>
      <c r="L7" s="14">
        <v>10529</v>
      </c>
      <c r="M7" s="14">
        <v>11342</v>
      </c>
      <c r="N7" s="14">
        <v>10893</v>
      </c>
      <c r="O7" s="20">
        <v>11643</v>
      </c>
      <c r="P7" s="21">
        <v>5.0047982340883035</v>
      </c>
    </row>
    <row r="8" spans="1:16" ht="11.7" customHeight="1">
      <c r="A8" s="12"/>
      <c r="B8" s="12"/>
      <c r="C8" s="13" t="s">
        <v>278</v>
      </c>
      <c r="D8" s="14">
        <v>3644</v>
      </c>
      <c r="E8" s="14">
        <v>3747</v>
      </c>
      <c r="F8" s="14">
        <v>3860</v>
      </c>
      <c r="G8" s="14">
        <v>4063</v>
      </c>
      <c r="H8" s="14">
        <v>4285</v>
      </c>
      <c r="I8" s="14">
        <v>4584</v>
      </c>
      <c r="J8" s="14">
        <v>4607</v>
      </c>
      <c r="K8" s="14">
        <v>4917</v>
      </c>
      <c r="L8" s="14">
        <v>5426</v>
      </c>
      <c r="M8" s="14">
        <v>5732</v>
      </c>
      <c r="N8" s="14">
        <v>5502</v>
      </c>
      <c r="O8" s="20">
        <v>5979</v>
      </c>
      <c r="P8" s="21">
        <v>4.6044154344529575</v>
      </c>
    </row>
    <row r="9" spans="1:16" ht="11.25" customHeight="1">
      <c r="A9" s="12"/>
      <c r="B9" s="12"/>
      <c r="C9" s="13" t="s">
        <v>279</v>
      </c>
      <c r="D9" s="14">
        <v>4430</v>
      </c>
      <c r="E9" s="14">
        <v>4732</v>
      </c>
      <c r="F9" s="14">
        <v>5105</v>
      </c>
      <c r="G9" s="14">
        <v>5416</v>
      </c>
      <c r="H9" s="14">
        <v>5835</v>
      </c>
      <c r="I9" s="14">
        <v>6141</v>
      </c>
      <c r="J9" s="14">
        <v>6173</v>
      </c>
      <c r="K9" s="14">
        <v>6705</v>
      </c>
      <c r="L9" s="14">
        <v>7484</v>
      </c>
      <c r="M9" s="14">
        <v>8223</v>
      </c>
      <c r="N9" s="14">
        <v>8286</v>
      </c>
      <c r="O9" s="20">
        <v>10109</v>
      </c>
      <c r="P9" s="21">
        <v>7.7886750755595591</v>
      </c>
    </row>
    <row r="10" spans="1:16" ht="11.25" customHeight="1">
      <c r="A10" s="12"/>
      <c r="B10" s="12"/>
      <c r="C10" s="13" t="s">
        <v>280</v>
      </c>
      <c r="D10" s="14">
        <v>1073</v>
      </c>
      <c r="E10" s="14">
        <v>1372</v>
      </c>
      <c r="F10" s="14">
        <v>1698</v>
      </c>
      <c r="G10" s="14">
        <v>1987</v>
      </c>
      <c r="H10" s="14">
        <v>2288</v>
      </c>
      <c r="I10" s="14">
        <v>2718</v>
      </c>
      <c r="J10" s="14">
        <v>2363</v>
      </c>
      <c r="K10" s="14">
        <v>3133</v>
      </c>
      <c r="L10" s="14">
        <v>3702</v>
      </c>
      <c r="M10" s="14">
        <v>4087</v>
      </c>
      <c r="N10" s="14">
        <v>4549</v>
      </c>
      <c r="O10" s="20">
        <v>5084</v>
      </c>
      <c r="P10" s="21">
        <v>15.19104307347332</v>
      </c>
    </row>
    <row r="11" spans="1:16" ht="11.1" customHeight="1">
      <c r="A11" s="12"/>
      <c r="B11" s="12"/>
      <c r="C11" s="13" t="s">
        <v>281</v>
      </c>
      <c r="D11" s="14">
        <v>2174</v>
      </c>
      <c r="E11" s="14">
        <v>2174</v>
      </c>
      <c r="F11" s="14">
        <v>2174</v>
      </c>
      <c r="G11" s="14">
        <v>2174</v>
      </c>
      <c r="H11" s="14">
        <v>2174</v>
      </c>
      <c r="I11" s="14">
        <v>5682</v>
      </c>
      <c r="J11" s="14">
        <v>5401</v>
      </c>
      <c r="K11" s="14">
        <v>5401</v>
      </c>
      <c r="L11" s="14">
        <v>5401</v>
      </c>
      <c r="M11" s="14">
        <v>5401</v>
      </c>
      <c r="N11" s="14">
        <v>5391</v>
      </c>
      <c r="O11" s="20">
        <v>5391</v>
      </c>
      <c r="P11" s="21">
        <v>8.6064043420985836</v>
      </c>
    </row>
    <row r="12" spans="1:16" ht="11.25" customHeight="1">
      <c r="A12" s="12"/>
      <c r="B12" s="12"/>
      <c r="C12" s="13" t="s">
        <v>282</v>
      </c>
      <c r="D12" s="14">
        <v>363</v>
      </c>
      <c r="E12" s="14">
        <v>378</v>
      </c>
      <c r="F12" s="14">
        <v>413</v>
      </c>
      <c r="G12" s="14">
        <v>428</v>
      </c>
      <c r="H12" s="14">
        <v>449</v>
      </c>
      <c r="I12" s="14">
        <v>619</v>
      </c>
      <c r="J12" s="14">
        <v>619</v>
      </c>
      <c r="K12" s="14">
        <v>805</v>
      </c>
      <c r="L12" s="14">
        <v>1062</v>
      </c>
      <c r="M12" s="14">
        <v>1424</v>
      </c>
      <c r="N12" s="14">
        <v>1648</v>
      </c>
      <c r="O12" s="20">
        <v>2024</v>
      </c>
      <c r="P12" s="21">
        <v>16.90842442310807</v>
      </c>
    </row>
    <row r="13" spans="1:16" ht="11.25" customHeight="1">
      <c r="A13" s="12"/>
      <c r="B13" s="12"/>
      <c r="C13" s="13" t="s">
        <v>283</v>
      </c>
      <c r="D13" s="22">
        <v>242</v>
      </c>
      <c r="E13" s="22">
        <v>242</v>
      </c>
      <c r="F13" s="22">
        <v>242</v>
      </c>
      <c r="G13" s="22">
        <v>242</v>
      </c>
      <c r="H13" s="22">
        <v>242</v>
      </c>
      <c r="I13" s="22">
        <v>242</v>
      </c>
      <c r="J13" s="22">
        <v>242</v>
      </c>
      <c r="K13" s="22">
        <v>252</v>
      </c>
      <c r="L13" s="22">
        <v>268</v>
      </c>
      <c r="M13" s="22">
        <v>278</v>
      </c>
      <c r="N13" s="22">
        <v>269</v>
      </c>
      <c r="O13" s="24">
        <v>352</v>
      </c>
      <c r="P13" s="21">
        <v>3.4649829885560646</v>
      </c>
    </row>
    <row r="14" spans="1:16" ht="11.25" customHeight="1">
      <c r="A14" s="12"/>
      <c r="B14" s="12"/>
      <c r="C14" s="13" t="s">
        <v>284</v>
      </c>
      <c r="D14" s="22">
        <v>18730</v>
      </c>
      <c r="E14" s="22">
        <v>19862</v>
      </c>
      <c r="F14" s="22">
        <v>21064</v>
      </c>
      <c r="G14" s="22">
        <v>22322</v>
      </c>
      <c r="H14" s="22">
        <v>23727</v>
      </c>
      <c r="I14" s="22">
        <v>28877</v>
      </c>
      <c r="J14" s="22">
        <v>28290</v>
      </c>
      <c r="K14" s="22">
        <v>30970</v>
      </c>
      <c r="L14" s="22">
        <v>33872</v>
      </c>
      <c r="M14" s="22">
        <v>36487</v>
      </c>
      <c r="N14" s="22">
        <v>36538</v>
      </c>
      <c r="O14" s="24">
        <v>40582</v>
      </c>
      <c r="P14" s="21">
        <v>7.2820043919267663</v>
      </c>
    </row>
    <row r="15" spans="1:16" ht="11.25" customHeight="1">
      <c r="A15" s="12"/>
      <c r="B15" s="12" t="s">
        <v>285</v>
      </c>
      <c r="C15" s="13"/>
      <c r="D15" s="82">
        <v>28138</v>
      </c>
      <c r="E15" s="82">
        <v>30085</v>
      </c>
      <c r="F15" s="82">
        <v>30344</v>
      </c>
      <c r="G15" s="82">
        <v>30356</v>
      </c>
      <c r="H15" s="82">
        <v>28371</v>
      </c>
      <c r="I15" s="82">
        <v>30033</v>
      </c>
      <c r="J15" s="82">
        <v>28290</v>
      </c>
      <c r="K15" s="82">
        <v>30970</v>
      </c>
      <c r="L15" s="82">
        <v>42618</v>
      </c>
      <c r="M15" s="82">
        <v>43720</v>
      </c>
      <c r="N15" s="82">
        <v>36538</v>
      </c>
      <c r="O15" s="118">
        <v>49311</v>
      </c>
      <c r="P15" s="21">
        <v>5.2325400104671571</v>
      </c>
    </row>
    <row r="16" spans="1:16" ht="11.25" customHeight="1">
      <c r="A16" s="12"/>
      <c r="B16" s="12"/>
      <c r="C16" s="13"/>
      <c r="D16" s="82"/>
      <c r="E16" s="82"/>
      <c r="F16" s="82"/>
      <c r="G16" s="82"/>
      <c r="H16" s="82"/>
      <c r="I16" s="82"/>
      <c r="J16" s="82"/>
      <c r="K16" s="82"/>
      <c r="L16" s="82"/>
      <c r="M16" s="82"/>
      <c r="N16" s="82"/>
      <c r="O16" s="118"/>
      <c r="P16" s="21"/>
    </row>
    <row r="17" spans="1:16" ht="11.7" customHeight="1">
      <c r="A17" s="12"/>
      <c r="B17" s="12" t="s">
        <v>286</v>
      </c>
      <c r="C17" s="13"/>
      <c r="D17" s="22"/>
      <c r="E17" s="22"/>
      <c r="F17" s="22"/>
      <c r="G17" s="22"/>
      <c r="H17" s="22"/>
      <c r="I17" s="22"/>
      <c r="J17" s="22"/>
      <c r="K17" s="22"/>
      <c r="L17" s="22"/>
      <c r="M17" s="22"/>
      <c r="N17" s="22"/>
      <c r="O17" s="24"/>
      <c r="P17" s="21"/>
    </row>
    <row r="18" spans="1:16" ht="11.1" customHeight="1">
      <c r="A18" s="12"/>
      <c r="B18" s="66"/>
      <c r="C18" s="13" t="s">
        <v>287</v>
      </c>
      <c r="D18" s="14">
        <v>26</v>
      </c>
      <c r="E18" s="14">
        <v>28</v>
      </c>
      <c r="F18" s="14">
        <v>28</v>
      </c>
      <c r="G18" s="14">
        <v>21</v>
      </c>
      <c r="H18" s="14">
        <v>19</v>
      </c>
      <c r="I18" s="14">
        <v>17</v>
      </c>
      <c r="J18" s="14">
        <v>19</v>
      </c>
      <c r="K18" s="14">
        <v>18</v>
      </c>
      <c r="L18" s="14">
        <v>24</v>
      </c>
      <c r="M18" s="14">
        <v>25</v>
      </c>
      <c r="N18" s="14">
        <v>21</v>
      </c>
      <c r="O18" s="20">
        <v>19</v>
      </c>
      <c r="P18" s="21">
        <v>-2.8111626828044245</v>
      </c>
    </row>
    <row r="19" spans="1:16" ht="11.1" customHeight="1">
      <c r="A19" s="12"/>
      <c r="B19" s="13"/>
      <c r="C19" s="13" t="s">
        <v>288</v>
      </c>
      <c r="D19" s="14">
        <v>671</v>
      </c>
      <c r="E19" s="14">
        <v>639</v>
      </c>
      <c r="F19" s="14">
        <v>658</v>
      </c>
      <c r="G19" s="14">
        <v>668</v>
      </c>
      <c r="H19" s="14">
        <v>699</v>
      </c>
      <c r="I19" s="14">
        <v>744</v>
      </c>
      <c r="J19" s="14">
        <v>763</v>
      </c>
      <c r="K19" s="14">
        <v>753</v>
      </c>
      <c r="L19" s="14">
        <v>882</v>
      </c>
      <c r="M19" s="14">
        <v>922</v>
      </c>
      <c r="N19" s="14">
        <v>910</v>
      </c>
      <c r="O19" s="20">
        <v>897</v>
      </c>
      <c r="P19" s="21">
        <v>2.6740993826013693</v>
      </c>
    </row>
    <row r="20" spans="1:16" ht="11.1" customHeight="1">
      <c r="A20" s="12"/>
      <c r="B20" s="13"/>
      <c r="C20" s="13" t="s">
        <v>289</v>
      </c>
      <c r="D20" s="14">
        <v>1261</v>
      </c>
      <c r="E20" s="14">
        <v>1306</v>
      </c>
      <c r="F20" s="14">
        <v>1417</v>
      </c>
      <c r="G20" s="14">
        <v>1582</v>
      </c>
      <c r="H20" s="14">
        <v>1717</v>
      </c>
      <c r="I20" s="14">
        <v>1762</v>
      </c>
      <c r="J20" s="14">
        <v>1795</v>
      </c>
      <c r="K20" s="14">
        <v>1802</v>
      </c>
      <c r="L20" s="14">
        <v>1875</v>
      </c>
      <c r="M20" s="14">
        <v>1839</v>
      </c>
      <c r="N20" s="14">
        <v>1983</v>
      </c>
      <c r="O20" s="20">
        <v>2387</v>
      </c>
      <c r="P20" s="21">
        <v>5.9727740340834501</v>
      </c>
    </row>
    <row r="21" spans="1:16" ht="11.1" customHeight="1">
      <c r="A21" s="12"/>
      <c r="B21" s="13"/>
      <c r="C21" s="13" t="s">
        <v>290</v>
      </c>
      <c r="D21" s="14">
        <v>7084</v>
      </c>
      <c r="E21" s="14">
        <v>7912</v>
      </c>
      <c r="F21" s="14">
        <v>8428</v>
      </c>
      <c r="G21" s="14">
        <v>9177</v>
      </c>
      <c r="H21" s="14">
        <v>9974</v>
      </c>
      <c r="I21" s="14">
        <v>10388</v>
      </c>
      <c r="J21" s="14">
        <v>11293</v>
      </c>
      <c r="K21" s="14">
        <v>12193</v>
      </c>
      <c r="L21" s="14">
        <v>13321</v>
      </c>
      <c r="M21" s="14">
        <v>14615</v>
      </c>
      <c r="N21" s="14">
        <v>18946</v>
      </c>
      <c r="O21" s="20">
        <v>21286</v>
      </c>
      <c r="P21" s="21">
        <v>10.519210337018148</v>
      </c>
    </row>
    <row r="22" spans="1:16" ht="11.1" customHeight="1">
      <c r="A22" s="12"/>
      <c r="B22" s="13"/>
      <c r="C22" s="13" t="s">
        <v>291</v>
      </c>
      <c r="D22" s="14">
        <v>150</v>
      </c>
      <c r="E22" s="14">
        <v>149</v>
      </c>
      <c r="F22" s="14">
        <v>148</v>
      </c>
      <c r="G22" s="14">
        <v>156</v>
      </c>
      <c r="H22" s="14">
        <v>143</v>
      </c>
      <c r="I22" s="14">
        <v>141</v>
      </c>
      <c r="J22" s="14">
        <v>138</v>
      </c>
      <c r="K22" s="14">
        <v>135</v>
      </c>
      <c r="L22" s="14">
        <v>132</v>
      </c>
      <c r="M22" s="14">
        <v>129</v>
      </c>
      <c r="N22" s="14">
        <v>126</v>
      </c>
      <c r="O22" s="20">
        <v>123</v>
      </c>
      <c r="P22" s="21">
        <v>-1.7879229947568076</v>
      </c>
    </row>
    <row r="23" spans="1:16" ht="11.1" customHeight="1">
      <c r="A23" s="12"/>
      <c r="B23" s="13"/>
      <c r="C23" s="13" t="s">
        <v>292</v>
      </c>
      <c r="D23" s="14">
        <v>163</v>
      </c>
      <c r="E23" s="14">
        <v>143</v>
      </c>
      <c r="F23" s="14">
        <v>123</v>
      </c>
      <c r="G23" s="14">
        <v>106</v>
      </c>
      <c r="H23" s="14">
        <v>94</v>
      </c>
      <c r="I23" s="14">
        <v>84</v>
      </c>
      <c r="J23" s="14">
        <v>73</v>
      </c>
      <c r="K23" s="14">
        <v>65</v>
      </c>
      <c r="L23" s="14">
        <v>60</v>
      </c>
      <c r="M23" s="14">
        <v>56</v>
      </c>
      <c r="N23" s="14">
        <v>53</v>
      </c>
      <c r="O23" s="20">
        <v>109</v>
      </c>
      <c r="P23" s="21">
        <v>-3.5920991747237285</v>
      </c>
    </row>
    <row r="24" spans="1:16" ht="11.1" customHeight="1">
      <c r="A24" s="12"/>
      <c r="B24" s="13"/>
      <c r="C24" s="13" t="s">
        <v>293</v>
      </c>
      <c r="D24" s="14">
        <v>363</v>
      </c>
      <c r="E24" s="14">
        <v>440</v>
      </c>
      <c r="F24" s="14">
        <v>414</v>
      </c>
      <c r="G24" s="14">
        <v>304</v>
      </c>
      <c r="H24" s="14">
        <v>217</v>
      </c>
      <c r="I24" s="14">
        <v>161</v>
      </c>
      <c r="J24" s="14">
        <v>70</v>
      </c>
      <c r="K24" s="14">
        <v>45</v>
      </c>
      <c r="L24" s="14">
        <v>37</v>
      </c>
      <c r="M24" s="14">
        <v>19</v>
      </c>
      <c r="N24" s="14">
        <v>21</v>
      </c>
      <c r="O24" s="20">
        <v>60</v>
      </c>
      <c r="P24" s="21">
        <v>-15.095378633425094</v>
      </c>
    </row>
    <row r="25" spans="1:16" ht="11.1" customHeight="1">
      <c r="A25" s="12"/>
      <c r="B25" s="66"/>
      <c r="C25" s="13" t="s">
        <v>294</v>
      </c>
      <c r="D25" s="14">
        <v>295</v>
      </c>
      <c r="E25" s="14">
        <v>341</v>
      </c>
      <c r="F25" s="14">
        <v>302</v>
      </c>
      <c r="G25" s="14">
        <v>332</v>
      </c>
      <c r="H25" s="14">
        <v>246</v>
      </c>
      <c r="I25" s="14">
        <v>259</v>
      </c>
      <c r="J25" s="14">
        <v>225</v>
      </c>
      <c r="K25" s="14">
        <v>222</v>
      </c>
      <c r="L25" s="14">
        <v>770</v>
      </c>
      <c r="M25" s="14">
        <v>974</v>
      </c>
      <c r="N25" s="14">
        <v>1241</v>
      </c>
      <c r="O25" s="20">
        <v>1182</v>
      </c>
      <c r="P25" s="21">
        <v>13.448716619716606</v>
      </c>
    </row>
    <row r="26" spans="1:16" ht="11.1" customHeight="1">
      <c r="A26" s="12"/>
      <c r="B26" s="66"/>
      <c r="C26" s="13" t="s">
        <v>295</v>
      </c>
      <c r="D26" s="22">
        <v>31</v>
      </c>
      <c r="E26" s="22">
        <v>25</v>
      </c>
      <c r="F26" s="22">
        <v>18</v>
      </c>
      <c r="G26" s="22">
        <v>17</v>
      </c>
      <c r="H26" s="22">
        <v>19</v>
      </c>
      <c r="I26" s="22">
        <v>18</v>
      </c>
      <c r="J26" s="22">
        <v>15</v>
      </c>
      <c r="K26" s="22">
        <v>26</v>
      </c>
      <c r="L26" s="22">
        <v>31</v>
      </c>
      <c r="M26" s="22">
        <v>42</v>
      </c>
      <c r="N26" s="22">
        <v>49</v>
      </c>
      <c r="O26" s="24">
        <v>28</v>
      </c>
      <c r="P26" s="21">
        <v>-0.92102951938181077</v>
      </c>
    </row>
    <row r="27" spans="1:16" ht="12.45" customHeight="1">
      <c r="A27" s="12"/>
      <c r="B27" s="12" t="s">
        <v>296</v>
      </c>
      <c r="C27" s="13"/>
      <c r="D27" s="82">
        <v>10044</v>
      </c>
      <c r="E27" s="82">
        <v>10983</v>
      </c>
      <c r="F27" s="82">
        <v>11536</v>
      </c>
      <c r="G27" s="82">
        <v>12363</v>
      </c>
      <c r="H27" s="82">
        <v>13128</v>
      </c>
      <c r="I27" s="82">
        <v>13574</v>
      </c>
      <c r="J27" s="82">
        <v>14391</v>
      </c>
      <c r="K27" s="82">
        <v>15259</v>
      </c>
      <c r="L27" s="82">
        <v>17132</v>
      </c>
      <c r="M27" s="82">
        <v>18621</v>
      </c>
      <c r="N27" s="82">
        <v>23350</v>
      </c>
      <c r="O27" s="118">
        <v>26091</v>
      </c>
      <c r="P27" s="21">
        <v>9.0660177733314242</v>
      </c>
    </row>
    <row r="28" spans="1:16" ht="3" customHeight="1">
      <c r="A28" s="12"/>
      <c r="B28" s="12"/>
      <c r="C28" s="13"/>
      <c r="D28" s="22"/>
      <c r="E28" s="22"/>
      <c r="F28" s="22"/>
      <c r="G28" s="22"/>
      <c r="H28" s="22"/>
      <c r="I28" s="22"/>
      <c r="J28" s="22"/>
      <c r="K28" s="22"/>
      <c r="L28" s="22"/>
      <c r="M28" s="22"/>
      <c r="N28" s="22"/>
      <c r="O28" s="24"/>
      <c r="P28" s="21"/>
    </row>
    <row r="29" spans="1:16" ht="12.45" customHeight="1">
      <c r="A29" s="12" t="s">
        <v>297</v>
      </c>
      <c r="B29" s="13"/>
      <c r="C29" s="13"/>
      <c r="D29" s="82">
        <v>38182</v>
      </c>
      <c r="E29" s="82">
        <v>41068</v>
      </c>
      <c r="F29" s="82">
        <v>41880</v>
      </c>
      <c r="G29" s="82">
        <v>42719</v>
      </c>
      <c r="H29" s="82">
        <v>41499</v>
      </c>
      <c r="I29" s="82">
        <v>43607</v>
      </c>
      <c r="J29" s="82">
        <v>42681</v>
      </c>
      <c r="K29" s="82">
        <v>46229</v>
      </c>
      <c r="L29" s="82">
        <v>59750</v>
      </c>
      <c r="M29" s="82">
        <v>62341</v>
      </c>
      <c r="N29" s="82">
        <v>59888</v>
      </c>
      <c r="O29" s="118">
        <v>75402</v>
      </c>
      <c r="P29" s="21">
        <v>6.3814328796030662</v>
      </c>
    </row>
    <row r="30" spans="1:16" ht="4.5" customHeight="1">
      <c r="A30" s="12"/>
      <c r="B30" s="13"/>
      <c r="C30" s="13"/>
      <c r="D30" s="14"/>
      <c r="E30" s="14"/>
      <c r="F30" s="14"/>
      <c r="G30" s="14"/>
      <c r="H30" s="14"/>
      <c r="I30" s="14"/>
      <c r="J30" s="14"/>
      <c r="K30" s="14"/>
      <c r="L30" s="14"/>
      <c r="M30" s="14"/>
      <c r="N30" s="14"/>
      <c r="O30" s="20"/>
      <c r="P30" s="21"/>
    </row>
    <row r="31" spans="1:16" ht="12" customHeight="1">
      <c r="A31" s="12" t="s">
        <v>298</v>
      </c>
      <c r="B31" s="13"/>
      <c r="C31" s="13"/>
      <c r="D31" s="14"/>
      <c r="E31" s="14"/>
      <c r="F31" s="14"/>
      <c r="G31" s="14"/>
      <c r="H31" s="14"/>
      <c r="I31" s="14"/>
      <c r="J31" s="14"/>
      <c r="K31" s="14"/>
      <c r="L31" s="14"/>
      <c r="M31" s="14"/>
      <c r="N31" s="14"/>
      <c r="O31" s="20"/>
      <c r="P31" s="21"/>
    </row>
    <row r="32" spans="1:16" ht="11.4" customHeight="1">
      <c r="A32" s="12"/>
      <c r="B32" s="13" t="s">
        <v>299</v>
      </c>
      <c r="C32" s="13"/>
      <c r="D32" s="14"/>
      <c r="E32" s="14"/>
      <c r="F32" s="14"/>
      <c r="G32" s="14"/>
      <c r="H32" s="14"/>
      <c r="I32" s="14"/>
      <c r="J32" s="14"/>
      <c r="K32" s="14"/>
      <c r="L32" s="14"/>
      <c r="M32" s="14"/>
      <c r="N32" s="14"/>
      <c r="O32" s="20"/>
      <c r="P32" s="21"/>
    </row>
    <row r="33" spans="1:16" ht="11.4" customHeight="1">
      <c r="A33" s="12"/>
      <c r="B33" s="66"/>
      <c r="C33" s="13" t="s">
        <v>300</v>
      </c>
      <c r="D33" s="14">
        <v>14167</v>
      </c>
      <c r="E33" s="14">
        <v>15559</v>
      </c>
      <c r="F33" s="14">
        <v>16544</v>
      </c>
      <c r="G33" s="14">
        <v>17929</v>
      </c>
      <c r="H33" s="14">
        <v>19685</v>
      </c>
      <c r="I33" s="14">
        <v>19990</v>
      </c>
      <c r="J33" s="14">
        <v>22064</v>
      </c>
      <c r="K33" s="14">
        <v>23238</v>
      </c>
      <c r="L33" s="14">
        <v>24650</v>
      </c>
      <c r="M33" s="14">
        <v>25611</v>
      </c>
      <c r="N33" s="14">
        <v>26707</v>
      </c>
      <c r="O33" s="20">
        <v>29351</v>
      </c>
      <c r="P33" s="21">
        <v>6.8460907923217462</v>
      </c>
    </row>
    <row r="34" spans="1:16" ht="11.4" customHeight="1">
      <c r="A34" s="12"/>
      <c r="B34" s="66"/>
      <c r="C34" s="13" t="s">
        <v>301</v>
      </c>
      <c r="D34" s="14">
        <v>0</v>
      </c>
      <c r="E34" s="14">
        <v>0</v>
      </c>
      <c r="F34" s="14">
        <v>0</v>
      </c>
      <c r="G34" s="14">
        <v>0</v>
      </c>
      <c r="H34" s="14">
        <v>0</v>
      </c>
      <c r="I34" s="14">
        <v>0</v>
      </c>
      <c r="J34" s="14">
        <v>0</v>
      </c>
      <c r="K34" s="14">
        <v>210</v>
      </c>
      <c r="L34" s="14">
        <v>233</v>
      </c>
      <c r="M34" s="14">
        <v>230</v>
      </c>
      <c r="N34" s="14">
        <v>242</v>
      </c>
      <c r="O34" s="20">
        <v>233</v>
      </c>
      <c r="P34" s="116" t="s">
        <v>302</v>
      </c>
    </row>
    <row r="35" spans="1:16" ht="11.4" customHeight="1">
      <c r="A35" s="12"/>
      <c r="B35" s="66"/>
      <c r="C35" s="13" t="s">
        <v>303</v>
      </c>
      <c r="D35" s="14">
        <v>132</v>
      </c>
      <c r="E35" s="14">
        <v>155</v>
      </c>
      <c r="F35" s="14">
        <v>140</v>
      </c>
      <c r="G35" s="14">
        <v>150</v>
      </c>
      <c r="H35" s="14">
        <v>145</v>
      </c>
      <c r="I35" s="14">
        <v>155</v>
      </c>
      <c r="J35" s="14">
        <v>100</v>
      </c>
      <c r="K35" s="14">
        <v>233</v>
      </c>
      <c r="L35" s="14">
        <v>228</v>
      </c>
      <c r="M35" s="14">
        <v>195</v>
      </c>
      <c r="N35" s="14">
        <v>201</v>
      </c>
      <c r="O35" s="20">
        <v>169</v>
      </c>
      <c r="P35" s="21">
        <v>2.2717545518123217</v>
      </c>
    </row>
    <row r="36" spans="1:16" ht="11.4" customHeight="1">
      <c r="A36" s="12"/>
      <c r="B36" s="66"/>
      <c r="C36" s="13" t="s">
        <v>304</v>
      </c>
      <c r="D36" s="14">
        <v>475</v>
      </c>
      <c r="E36" s="14">
        <v>470</v>
      </c>
      <c r="F36" s="14">
        <v>464</v>
      </c>
      <c r="G36" s="14">
        <v>459</v>
      </c>
      <c r="H36" s="14">
        <v>448</v>
      </c>
      <c r="I36" s="14">
        <v>433</v>
      </c>
      <c r="J36" s="14">
        <v>418</v>
      </c>
      <c r="K36" s="14">
        <v>1387</v>
      </c>
      <c r="L36" s="14">
        <v>1349</v>
      </c>
      <c r="M36" s="14">
        <v>1319</v>
      </c>
      <c r="N36" s="14">
        <v>1298</v>
      </c>
      <c r="O36" s="20">
        <v>1265</v>
      </c>
      <c r="P36" s="21">
        <v>9.313159478627032</v>
      </c>
    </row>
    <row r="37" spans="1:16" ht="11.4" customHeight="1">
      <c r="A37" s="12"/>
      <c r="B37" s="66"/>
      <c r="C37" s="13" t="s">
        <v>305</v>
      </c>
      <c r="D37" s="14">
        <v>0</v>
      </c>
      <c r="E37" s="14">
        <v>0</v>
      </c>
      <c r="F37" s="14">
        <v>300</v>
      </c>
      <c r="G37" s="14">
        <v>296</v>
      </c>
      <c r="H37" s="14">
        <v>291</v>
      </c>
      <c r="I37" s="14">
        <v>286</v>
      </c>
      <c r="J37" s="14">
        <v>282</v>
      </c>
      <c r="K37" s="14">
        <v>276</v>
      </c>
      <c r="L37" s="14">
        <v>271</v>
      </c>
      <c r="M37" s="14">
        <v>266</v>
      </c>
      <c r="N37" s="14">
        <v>270</v>
      </c>
      <c r="O37" s="20">
        <v>266</v>
      </c>
      <c r="P37" s="116" t="s">
        <v>302</v>
      </c>
    </row>
    <row r="38" spans="1:16" ht="11.4" customHeight="1">
      <c r="A38" s="12"/>
      <c r="B38" s="66"/>
      <c r="C38" s="13" t="s">
        <v>306</v>
      </c>
      <c r="D38" s="14">
        <v>215</v>
      </c>
      <c r="E38" s="14">
        <v>198</v>
      </c>
      <c r="F38" s="14">
        <v>222</v>
      </c>
      <c r="G38" s="14">
        <v>310</v>
      </c>
      <c r="H38" s="14">
        <v>340</v>
      </c>
      <c r="I38" s="14">
        <v>418</v>
      </c>
      <c r="J38" s="14">
        <v>387</v>
      </c>
      <c r="K38" s="14">
        <v>504</v>
      </c>
      <c r="L38" s="14">
        <v>520</v>
      </c>
      <c r="M38" s="14">
        <v>615</v>
      </c>
      <c r="N38" s="14">
        <v>685</v>
      </c>
      <c r="O38" s="20">
        <v>682</v>
      </c>
      <c r="P38" s="21">
        <v>11.064918266078493</v>
      </c>
    </row>
    <row r="39" spans="1:16" ht="11.4" customHeight="1">
      <c r="A39" s="12"/>
      <c r="B39" s="66"/>
      <c r="C39" s="13" t="s">
        <v>307</v>
      </c>
      <c r="D39" s="14">
        <v>2610</v>
      </c>
      <c r="E39" s="14">
        <v>3209</v>
      </c>
      <c r="F39" s="14">
        <v>3335</v>
      </c>
      <c r="G39" s="14">
        <v>3355</v>
      </c>
      <c r="H39" s="14">
        <v>3398</v>
      </c>
      <c r="I39" s="14">
        <v>0</v>
      </c>
      <c r="J39" s="14">
        <v>0</v>
      </c>
      <c r="K39" s="14">
        <v>0</v>
      </c>
      <c r="L39" s="14">
        <v>0</v>
      </c>
      <c r="M39" s="14">
        <v>0</v>
      </c>
      <c r="N39" s="14">
        <v>0</v>
      </c>
      <c r="O39" s="20">
        <v>0</v>
      </c>
      <c r="P39" s="116" t="s">
        <v>302</v>
      </c>
    </row>
    <row r="40" spans="1:16" ht="11.4" customHeight="1">
      <c r="A40" s="12"/>
      <c r="B40" s="66"/>
      <c r="C40" s="13" t="s">
        <v>149</v>
      </c>
      <c r="D40" s="22">
        <v>35</v>
      </c>
      <c r="E40" s="22">
        <v>34</v>
      </c>
      <c r="F40" s="22">
        <v>35</v>
      </c>
      <c r="G40" s="22">
        <v>33</v>
      </c>
      <c r="H40" s="22">
        <v>31</v>
      </c>
      <c r="I40" s="22">
        <v>30</v>
      </c>
      <c r="J40" s="22">
        <v>30</v>
      </c>
      <c r="K40" s="22">
        <v>84</v>
      </c>
      <c r="L40" s="22">
        <v>99</v>
      </c>
      <c r="M40" s="22">
        <v>89</v>
      </c>
      <c r="N40" s="22">
        <v>89</v>
      </c>
      <c r="O40" s="24">
        <v>94</v>
      </c>
      <c r="P40" s="21">
        <v>9.3970062282408442</v>
      </c>
    </row>
    <row r="41" spans="1:16" ht="12.45" customHeight="1">
      <c r="A41" s="12" t="s">
        <v>308</v>
      </c>
      <c r="B41" s="13"/>
      <c r="C41" s="13"/>
      <c r="D41" s="82">
        <v>17634</v>
      </c>
      <c r="E41" s="82">
        <v>19625</v>
      </c>
      <c r="F41" s="82">
        <v>21040</v>
      </c>
      <c r="G41" s="82">
        <v>22532</v>
      </c>
      <c r="H41" s="82">
        <v>24338</v>
      </c>
      <c r="I41" s="82">
        <v>21312</v>
      </c>
      <c r="J41" s="82">
        <v>23281</v>
      </c>
      <c r="K41" s="82">
        <v>25932</v>
      </c>
      <c r="L41" s="82">
        <v>27350</v>
      </c>
      <c r="M41" s="82">
        <v>28325</v>
      </c>
      <c r="N41" s="82">
        <v>29492</v>
      </c>
      <c r="O41" s="118">
        <v>32060</v>
      </c>
      <c r="P41" s="21">
        <v>5.5847395257289101</v>
      </c>
    </row>
    <row r="42" spans="1:16" ht="15" customHeight="1">
      <c r="A42" s="12" t="s">
        <v>309</v>
      </c>
      <c r="B42" s="13"/>
      <c r="C42" s="13"/>
      <c r="D42" s="39">
        <v>55816</v>
      </c>
      <c r="E42" s="39">
        <v>60693</v>
      </c>
      <c r="F42" s="39">
        <v>62920</v>
      </c>
      <c r="G42" s="39">
        <v>65251</v>
      </c>
      <c r="H42" s="39">
        <v>65837</v>
      </c>
      <c r="I42" s="39">
        <v>64919</v>
      </c>
      <c r="J42" s="39">
        <v>65962</v>
      </c>
      <c r="K42" s="39">
        <v>72161</v>
      </c>
      <c r="L42" s="39">
        <v>87100</v>
      </c>
      <c r="M42" s="39">
        <v>90666</v>
      </c>
      <c r="N42" s="39">
        <v>89380</v>
      </c>
      <c r="O42" s="41">
        <v>107462</v>
      </c>
      <c r="P42" s="21">
        <v>6.1361406705783939</v>
      </c>
    </row>
    <row r="43" spans="1:16" ht="3.75" customHeight="1">
      <c r="A43" s="96"/>
      <c r="B43" s="54"/>
      <c r="C43" s="54"/>
      <c r="D43" s="55"/>
      <c r="E43" s="55"/>
      <c r="F43" s="55"/>
      <c r="G43" s="55"/>
      <c r="H43" s="55"/>
      <c r="I43" s="55"/>
      <c r="J43" s="55"/>
      <c r="K43" s="55"/>
      <c r="L43" s="55"/>
      <c r="M43" s="55"/>
      <c r="N43" s="55"/>
      <c r="O43" s="55"/>
      <c r="P43" s="55"/>
    </row>
    <row r="44" spans="1:16">
      <c r="O44" s="66"/>
    </row>
    <row r="45" spans="1:16">
      <c r="O45" s="66"/>
    </row>
    <row r="46" spans="1:16">
      <c r="O46" s="66"/>
    </row>
    <row r="47" spans="1:16">
      <c r="O47" s="66"/>
    </row>
    <row r="48" spans="1:16">
      <c r="O48" s="66"/>
    </row>
    <row r="49" spans="15:15">
      <c r="O49" s="66"/>
    </row>
    <row r="50" spans="15:15">
      <c r="O50" s="66"/>
    </row>
    <row r="51" spans="15:15">
      <c r="O51" s="66"/>
    </row>
    <row r="52" spans="15:15">
      <c r="O52" s="66"/>
    </row>
    <row r="53" spans="15:15">
      <c r="O53" s="66"/>
    </row>
    <row r="54" spans="15:15">
      <c r="O54" s="66"/>
    </row>
    <row r="55" spans="15:15">
      <c r="O55" s="66"/>
    </row>
    <row r="56" spans="15:15">
      <c r="O56" s="66"/>
    </row>
    <row r="57" spans="15:15">
      <c r="O57" s="66"/>
    </row>
    <row r="58" spans="15:15">
      <c r="O58" s="66"/>
    </row>
    <row r="59" spans="15:15">
      <c r="O59" s="66"/>
    </row>
    <row r="60" spans="15:15">
      <c r="O60" s="66"/>
    </row>
    <row r="61" spans="15:15">
      <c r="O61" s="66"/>
    </row>
    <row r="62" spans="15:15">
      <c r="O62" s="66"/>
    </row>
    <row r="63" spans="15:15">
      <c r="O63" s="66"/>
    </row>
    <row r="64" spans="15:15">
      <c r="O64" s="66"/>
    </row>
    <row r="65" spans="15:15">
      <c r="O65" s="66"/>
    </row>
    <row r="66" spans="15:15">
      <c r="O66" s="66"/>
    </row>
    <row r="67" spans="15:15">
      <c r="O67" s="66"/>
    </row>
    <row r="68" spans="15:15">
      <c r="O68" s="66"/>
    </row>
    <row r="69" spans="15:15">
      <c r="O69" s="66"/>
    </row>
    <row r="70" spans="15:15">
      <c r="O70" s="66"/>
    </row>
    <row r="71" spans="15:15">
      <c r="O71" s="66"/>
    </row>
    <row r="72" spans="15:15">
      <c r="O72" s="66"/>
    </row>
    <row r="73" spans="15:15">
      <c r="O73" s="66"/>
    </row>
    <row r="74" spans="15:15">
      <c r="O74" s="66"/>
    </row>
    <row r="75" spans="15:15">
      <c r="O75" s="66"/>
    </row>
    <row r="76" spans="15:15">
      <c r="O76" s="66"/>
    </row>
    <row r="77" spans="15:15">
      <c r="O77" s="66"/>
    </row>
    <row r="78" spans="15:15">
      <c r="O78" s="66"/>
    </row>
    <row r="79" spans="15:15">
      <c r="O79" s="66"/>
    </row>
    <row r="80" spans="15:15">
      <c r="O80" s="66"/>
    </row>
    <row r="81" spans="15:15">
      <c r="O81" s="66"/>
    </row>
    <row r="82" spans="15:15">
      <c r="O82" s="66"/>
    </row>
    <row r="83" spans="15:15">
      <c r="O83" s="66"/>
    </row>
    <row r="84" spans="15:15">
      <c r="O84" s="66"/>
    </row>
    <row r="85" spans="15:15">
      <c r="O85" s="66"/>
    </row>
    <row r="86" spans="15:15">
      <c r="O86" s="66"/>
    </row>
    <row r="87" spans="15:15">
      <c r="O87" s="66"/>
    </row>
    <row r="88" spans="15:15">
      <c r="O88" s="66"/>
    </row>
    <row r="89" spans="15:15">
      <c r="O89" s="66"/>
    </row>
    <row r="90" spans="15:15">
      <c r="O90" s="66"/>
    </row>
    <row r="91" spans="15:15">
      <c r="O91" s="66"/>
    </row>
    <row r="92" spans="15:15">
      <c r="O92" s="66"/>
    </row>
    <row r="93" spans="15:15">
      <c r="O93" s="66"/>
    </row>
    <row r="94" spans="15:15">
      <c r="O94" s="66"/>
    </row>
    <row r="95" spans="15:15">
      <c r="O95" s="66"/>
    </row>
    <row r="96" spans="15:15">
      <c r="O96" s="66"/>
    </row>
    <row r="97" spans="15:15">
      <c r="O97" s="66"/>
    </row>
    <row r="98" spans="15:15">
      <c r="O98" s="66"/>
    </row>
    <row r="99" spans="15:15">
      <c r="O99" s="66"/>
    </row>
    <row r="100" spans="15:15">
      <c r="O100" s="66"/>
    </row>
    <row r="101" spans="15:15">
      <c r="O101" s="66"/>
    </row>
    <row r="102" spans="15:15">
      <c r="O102" s="66"/>
    </row>
    <row r="103" spans="15:15">
      <c r="O103" s="66"/>
    </row>
    <row r="104" spans="15:15">
      <c r="O104" s="66"/>
    </row>
    <row r="105" spans="15:15">
      <c r="O105" s="66"/>
    </row>
    <row r="106" spans="15:15">
      <c r="O106" s="66"/>
    </row>
    <row r="107" spans="15:15">
      <c r="O107" s="66"/>
    </row>
    <row r="108" spans="15:15">
      <c r="O108" s="66"/>
    </row>
    <row r="109" spans="15:15">
      <c r="O109" s="66"/>
    </row>
    <row r="110" spans="15:15">
      <c r="O110" s="66"/>
    </row>
    <row r="111" spans="15:15">
      <c r="O111" s="66"/>
    </row>
    <row r="112" spans="15:15">
      <c r="O112" s="66"/>
    </row>
    <row r="113" spans="15:15">
      <c r="O113" s="66"/>
    </row>
    <row r="114" spans="15:15">
      <c r="O114" s="66"/>
    </row>
    <row r="115" spans="15:15">
      <c r="O115" s="66"/>
    </row>
    <row r="116" spans="15:15">
      <c r="O116" s="66"/>
    </row>
    <row r="117" spans="15:15">
      <c r="O117" s="66"/>
    </row>
    <row r="118" spans="15:15">
      <c r="O118" s="66"/>
    </row>
    <row r="119" spans="15:15">
      <c r="O119" s="66"/>
    </row>
    <row r="120" spans="15:15">
      <c r="O120" s="66"/>
    </row>
    <row r="121" spans="15:15">
      <c r="O121" s="66"/>
    </row>
    <row r="122" spans="15:15">
      <c r="O122" s="66"/>
    </row>
    <row r="123" spans="15:15">
      <c r="O123" s="66"/>
    </row>
    <row r="124" spans="15:15">
      <c r="O124" s="66"/>
    </row>
    <row r="125" spans="15:15">
      <c r="O125" s="66"/>
    </row>
    <row r="126" spans="15:15">
      <c r="O126" s="66"/>
    </row>
    <row r="127" spans="15:15">
      <c r="O127" s="66"/>
    </row>
    <row r="128" spans="15:15">
      <c r="O128" s="66"/>
    </row>
    <row r="129" spans="15:15">
      <c r="O129" s="66"/>
    </row>
    <row r="130" spans="15:15">
      <c r="O130" s="66"/>
    </row>
    <row r="131" spans="15:15">
      <c r="O131" s="66"/>
    </row>
    <row r="132" spans="15:15">
      <c r="O132" s="66"/>
    </row>
    <row r="133" spans="15:15">
      <c r="O133" s="66"/>
    </row>
    <row r="134" spans="15:15">
      <c r="O134" s="66"/>
    </row>
    <row r="135" spans="15:15">
      <c r="O135" s="66"/>
    </row>
    <row r="136" spans="15:15">
      <c r="O136" s="66"/>
    </row>
    <row r="137" spans="15:15">
      <c r="O137" s="66"/>
    </row>
    <row r="138" spans="15:15">
      <c r="O138" s="66"/>
    </row>
    <row r="139" spans="15:15">
      <c r="O139" s="66"/>
    </row>
    <row r="140" spans="15:15">
      <c r="O140" s="66"/>
    </row>
    <row r="141" spans="15:15">
      <c r="O141" s="66"/>
    </row>
    <row r="142" spans="15:15">
      <c r="O142" s="66"/>
    </row>
    <row r="143" spans="15:15">
      <c r="O143" s="66"/>
    </row>
    <row r="144" spans="15:15">
      <c r="O144" s="66"/>
    </row>
    <row r="145" spans="15:15">
      <c r="O145" s="66"/>
    </row>
    <row r="146" spans="15:15">
      <c r="O146" s="66"/>
    </row>
    <row r="147" spans="15:15">
      <c r="O147" s="66"/>
    </row>
    <row r="148" spans="15:15">
      <c r="O148" s="66"/>
    </row>
    <row r="149" spans="15:15">
      <c r="O149" s="66"/>
    </row>
    <row r="150" spans="15:15">
      <c r="O150" s="66"/>
    </row>
    <row r="151" spans="15:15">
      <c r="O151" s="66"/>
    </row>
    <row r="152" spans="15:15">
      <c r="O152" s="66"/>
    </row>
    <row r="153" spans="15:15">
      <c r="O153" s="66"/>
    </row>
    <row r="154" spans="15:15">
      <c r="O154" s="66"/>
    </row>
    <row r="155" spans="15:15">
      <c r="O155" s="66"/>
    </row>
    <row r="156" spans="15:15">
      <c r="O156" s="66"/>
    </row>
    <row r="157" spans="15:15">
      <c r="O157" s="66"/>
    </row>
    <row r="158" spans="15:15">
      <c r="O158" s="66"/>
    </row>
    <row r="159" spans="15:15">
      <c r="O159" s="66"/>
    </row>
    <row r="160" spans="15:15">
      <c r="O160" s="66"/>
    </row>
    <row r="161" spans="15:15">
      <c r="O161" s="66"/>
    </row>
    <row r="162" spans="15:15">
      <c r="O162" s="66"/>
    </row>
    <row r="163" spans="15:15">
      <c r="O163" s="66"/>
    </row>
    <row r="164" spans="15:15">
      <c r="O164" s="66"/>
    </row>
    <row r="165" spans="15:15">
      <c r="O165" s="66"/>
    </row>
    <row r="166" spans="15:15">
      <c r="O166" s="66"/>
    </row>
    <row r="167" spans="15:15">
      <c r="O167" s="66"/>
    </row>
    <row r="168" spans="15:15">
      <c r="O168" s="66"/>
    </row>
    <row r="169" spans="15:15">
      <c r="O169" s="66"/>
    </row>
    <row r="170" spans="15:15">
      <c r="O170" s="66"/>
    </row>
    <row r="171" spans="15:15">
      <c r="O171" s="66"/>
    </row>
    <row r="172" spans="15:15">
      <c r="O172" s="66"/>
    </row>
    <row r="173" spans="15:15">
      <c r="O173" s="66"/>
    </row>
    <row r="174" spans="15:15">
      <c r="O174" s="66"/>
    </row>
    <row r="175" spans="15:15">
      <c r="O175" s="66"/>
    </row>
    <row r="176" spans="15:15">
      <c r="O176" s="66"/>
    </row>
    <row r="177" spans="15:15">
      <c r="O177" s="66"/>
    </row>
    <row r="178" spans="15:15">
      <c r="O178" s="66"/>
    </row>
    <row r="179" spans="15:15">
      <c r="O179" s="66"/>
    </row>
    <row r="180" spans="15:15">
      <c r="O180" s="66"/>
    </row>
    <row r="181" spans="15:15">
      <c r="O181" s="66"/>
    </row>
    <row r="182" spans="15:15">
      <c r="O182" s="66"/>
    </row>
    <row r="183" spans="15:15">
      <c r="O183" s="66"/>
    </row>
    <row r="184" spans="15:15">
      <c r="O184" s="66"/>
    </row>
    <row r="185" spans="15:15">
      <c r="O185" s="66"/>
    </row>
    <row r="186" spans="15:15">
      <c r="O186" s="66"/>
    </row>
    <row r="187" spans="15:15">
      <c r="O187" s="66"/>
    </row>
    <row r="188" spans="15:15">
      <c r="O188" s="66"/>
    </row>
    <row r="189" spans="15:15">
      <c r="O189" s="66"/>
    </row>
    <row r="190" spans="15:15">
      <c r="O190" s="66"/>
    </row>
    <row r="191" spans="15:15">
      <c r="O191" s="66"/>
    </row>
    <row r="192" spans="15:15">
      <c r="O192" s="66"/>
    </row>
    <row r="193" spans="15:15">
      <c r="O193" s="66"/>
    </row>
    <row r="194" spans="15:15">
      <c r="O194" s="66"/>
    </row>
    <row r="195" spans="15:15">
      <c r="O195" s="66"/>
    </row>
    <row r="196" spans="15:15">
      <c r="O196" s="66"/>
    </row>
    <row r="197" spans="15:15">
      <c r="O197" s="66"/>
    </row>
    <row r="198" spans="15:15">
      <c r="O198" s="66"/>
    </row>
    <row r="199" spans="15:15">
      <c r="O199" s="66"/>
    </row>
    <row r="200" spans="15:15">
      <c r="O200" s="66"/>
    </row>
    <row r="201" spans="15:15">
      <c r="O201" s="66"/>
    </row>
    <row r="202" spans="15:15">
      <c r="O202" s="66"/>
    </row>
    <row r="203" spans="15:15">
      <c r="O203" s="66"/>
    </row>
    <row r="204" spans="15:15">
      <c r="O204" s="66"/>
    </row>
    <row r="205" spans="15:15">
      <c r="O205" s="66"/>
    </row>
    <row r="206" spans="15:15">
      <c r="O206" s="66"/>
    </row>
    <row r="207" spans="15:15">
      <c r="O207" s="66"/>
    </row>
    <row r="208" spans="15:15">
      <c r="O208" s="66"/>
    </row>
    <row r="209" spans="15:15">
      <c r="O209" s="66"/>
    </row>
    <row r="210" spans="15:15">
      <c r="O210" s="66"/>
    </row>
    <row r="211" spans="15:15">
      <c r="O211" s="66"/>
    </row>
    <row r="212" spans="15:15">
      <c r="O212" s="66"/>
    </row>
    <row r="213" spans="15:15">
      <c r="O213" s="66"/>
    </row>
    <row r="214" spans="15:15">
      <c r="O214" s="66"/>
    </row>
  </sheetData>
  <pageMargins left="0.7" right="0.7" top="0.75" bottom="0.75" header="0.3" footer="0.3"/>
  <pageSetup scale="85"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CAE81E-FAD6-4343-8EF5-36E1EC165485}">
  <dimension ref="A1:P250"/>
  <sheetViews>
    <sheetView showGridLines="0" view="pageBreakPreview" zoomScaleNormal="110" zoomScaleSheetLayoutView="100" workbookViewId="0">
      <selection activeCell="G46" sqref="G46"/>
    </sheetView>
  </sheetViews>
  <sheetFormatPr defaultColWidth="8.6640625" defaultRowHeight="12"/>
  <cols>
    <col min="1" max="1" width="2.33203125" style="99" customWidth="1"/>
    <col min="2" max="2" width="2.33203125" style="94" customWidth="1"/>
    <col min="3" max="3" width="31.44140625" style="94" customWidth="1"/>
    <col min="4" max="4" width="7.88671875" style="66" customWidth="1"/>
    <col min="5" max="14" width="8" style="66" customWidth="1"/>
    <col min="15" max="15" width="8.109375" style="187" customWidth="1"/>
    <col min="16" max="16" width="8.5546875" style="66" customWidth="1"/>
    <col min="17" max="16384" width="8.6640625" style="48"/>
  </cols>
  <sheetData>
    <row r="1" spans="1:16" s="12" customFormat="1" ht="15" customHeight="1">
      <c r="A1" s="1" t="s">
        <v>310</v>
      </c>
      <c r="B1" s="2"/>
      <c r="C1" s="2"/>
      <c r="D1" s="2"/>
      <c r="E1" s="2"/>
      <c r="F1" s="2"/>
      <c r="G1" s="2"/>
      <c r="H1" s="2"/>
      <c r="I1" s="2"/>
      <c r="J1" s="2"/>
      <c r="K1" s="2"/>
      <c r="L1" s="2"/>
      <c r="M1" s="2"/>
      <c r="N1" s="2"/>
      <c r="O1" s="2"/>
      <c r="P1" s="2"/>
    </row>
    <row r="2" spans="1:16" s="11" customFormat="1" ht="34.200000000000003" customHeight="1">
      <c r="A2" s="174"/>
      <c r="B2" s="174" t="s">
        <v>1</v>
      </c>
      <c r="C2" s="174"/>
      <c r="D2" s="180" t="s">
        <v>2</v>
      </c>
      <c r="E2" s="180" t="s">
        <v>3</v>
      </c>
      <c r="F2" s="180" t="s">
        <v>4</v>
      </c>
      <c r="G2" s="180" t="s">
        <v>5</v>
      </c>
      <c r="H2" s="180" t="s">
        <v>6</v>
      </c>
      <c r="I2" s="180" t="s">
        <v>271</v>
      </c>
      <c r="J2" s="180" t="s">
        <v>8</v>
      </c>
      <c r="K2" s="180" t="s">
        <v>9</v>
      </c>
      <c r="L2" s="180" t="s">
        <v>10</v>
      </c>
      <c r="M2" s="180" t="s">
        <v>11</v>
      </c>
      <c r="N2" s="180" t="s">
        <v>12</v>
      </c>
      <c r="O2" s="181" t="s">
        <v>13</v>
      </c>
      <c r="P2" s="182" t="s">
        <v>30</v>
      </c>
    </row>
    <row r="3" spans="1:16" ht="11.7" customHeight="1">
      <c r="A3" s="12" t="s">
        <v>311</v>
      </c>
      <c r="B3" s="13"/>
      <c r="C3" s="13"/>
      <c r="D3" s="42"/>
      <c r="E3" s="42"/>
      <c r="F3" s="42"/>
      <c r="G3" s="42"/>
      <c r="H3" s="42"/>
      <c r="I3" s="42"/>
      <c r="J3" s="42"/>
      <c r="K3" s="42"/>
      <c r="L3" s="42"/>
      <c r="M3" s="42"/>
      <c r="N3" s="42"/>
      <c r="O3" s="130"/>
      <c r="P3" s="17" t="s">
        <v>15</v>
      </c>
    </row>
    <row r="4" spans="1:16" ht="10.35" customHeight="1">
      <c r="A4" s="12"/>
      <c r="B4" s="12" t="s">
        <v>273</v>
      </c>
      <c r="C4" s="13"/>
      <c r="D4" s="42"/>
      <c r="E4" s="42"/>
      <c r="F4" s="42"/>
      <c r="G4" s="42"/>
      <c r="H4" s="42"/>
      <c r="I4" s="42"/>
      <c r="J4" s="42"/>
      <c r="K4" s="42"/>
      <c r="L4" s="42"/>
      <c r="M4" s="42"/>
      <c r="N4" s="42"/>
      <c r="O4" s="130"/>
      <c r="P4" s="21"/>
    </row>
    <row r="5" spans="1:16" ht="12" customHeight="1">
      <c r="A5" s="13"/>
      <c r="B5" s="13" t="s">
        <v>312</v>
      </c>
      <c r="C5" s="13"/>
      <c r="D5" s="42">
        <v>4.2130000000000001</v>
      </c>
      <c r="E5" s="42">
        <v>4.4260000000000002</v>
      </c>
      <c r="F5" s="42">
        <v>3.8050000000000002</v>
      </c>
      <c r="G5" s="42">
        <v>3.2040000000000002</v>
      </c>
      <c r="H5" s="42">
        <v>1.76</v>
      </c>
      <c r="I5" s="42">
        <v>0.41</v>
      </c>
      <c r="J5" s="42">
        <v>0</v>
      </c>
      <c r="K5" s="42">
        <v>0</v>
      </c>
      <c r="L5" s="42">
        <v>2.8450000000000002</v>
      </c>
      <c r="M5" s="42">
        <v>2.032</v>
      </c>
      <c r="N5" s="42">
        <v>0</v>
      </c>
      <c r="O5" s="130">
        <v>2.1389999999999998</v>
      </c>
      <c r="P5" s="21">
        <v>-5.9761304724300857</v>
      </c>
    </row>
    <row r="6" spans="1:16" ht="12" customHeight="1">
      <c r="A6" s="13"/>
      <c r="B6" s="13" t="s">
        <v>313</v>
      </c>
      <c r="C6" s="13"/>
      <c r="D6" s="131">
        <v>8.3870000000000005</v>
      </c>
      <c r="E6" s="131">
        <v>8.5990000000000002</v>
      </c>
      <c r="F6" s="131">
        <v>8.6370000000000005</v>
      </c>
      <c r="G6" s="131">
        <v>8.9009999999999998</v>
      </c>
      <c r="H6" s="131">
        <v>8.99</v>
      </c>
      <c r="I6" s="131">
        <v>10.23</v>
      </c>
      <c r="J6" s="131">
        <v>9.5129999999999999</v>
      </c>
      <c r="K6" s="131">
        <v>10.023</v>
      </c>
      <c r="L6" s="131">
        <v>11.018000000000001</v>
      </c>
      <c r="M6" s="131">
        <v>10.250999999999999</v>
      </c>
      <c r="N6" s="131">
        <v>9.2449999999999992</v>
      </c>
      <c r="O6" s="132">
        <v>9.9450000000000003</v>
      </c>
      <c r="P6" s="21">
        <v>1.561031716085548</v>
      </c>
    </row>
    <row r="7" spans="1:16" ht="12" customHeight="1">
      <c r="A7" s="13"/>
      <c r="B7" s="183" t="s">
        <v>314</v>
      </c>
      <c r="C7" s="13"/>
      <c r="D7" s="42">
        <v>12.599</v>
      </c>
      <c r="E7" s="42">
        <v>13.025</v>
      </c>
      <c r="F7" s="42">
        <v>12.443</v>
      </c>
      <c r="G7" s="42">
        <v>12.103999999999999</v>
      </c>
      <c r="H7" s="42">
        <v>10.75</v>
      </c>
      <c r="I7" s="42">
        <v>10.638999999999999</v>
      </c>
      <c r="J7" s="42">
        <v>9.5129999999999999</v>
      </c>
      <c r="K7" s="42">
        <v>10.023</v>
      </c>
      <c r="L7" s="42">
        <v>13.863</v>
      </c>
      <c r="M7" s="42">
        <v>12.282999999999999</v>
      </c>
      <c r="N7" s="42">
        <v>9.2449999999999992</v>
      </c>
      <c r="O7" s="130">
        <v>12.084</v>
      </c>
      <c r="P7" s="21">
        <v>-0.37869189415657978</v>
      </c>
    </row>
    <row r="8" spans="1:16" ht="12" customHeight="1">
      <c r="A8" s="13"/>
      <c r="B8" s="13" t="s">
        <v>315</v>
      </c>
      <c r="C8" s="13"/>
      <c r="D8" s="131">
        <v>4.4969999999999999</v>
      </c>
      <c r="E8" s="131">
        <v>4.7549999999999999</v>
      </c>
      <c r="F8" s="131">
        <v>4.7300000000000004</v>
      </c>
      <c r="G8" s="131">
        <v>4.93</v>
      </c>
      <c r="H8" s="131">
        <v>4.9740000000000002</v>
      </c>
      <c r="I8" s="131">
        <v>4.8090000000000002</v>
      </c>
      <c r="J8" s="131">
        <v>4.8390000000000004</v>
      </c>
      <c r="K8" s="131">
        <v>4.9379999999999997</v>
      </c>
      <c r="L8" s="131">
        <v>5.5730000000000004</v>
      </c>
      <c r="M8" s="131">
        <v>5.2320000000000002</v>
      </c>
      <c r="N8" s="131">
        <v>5.9080000000000004</v>
      </c>
      <c r="O8" s="132">
        <v>6.3940000000000001</v>
      </c>
      <c r="P8" s="21">
        <v>3.2512769144017906</v>
      </c>
    </row>
    <row r="9" spans="1:16" ht="12" customHeight="1">
      <c r="A9" s="13"/>
      <c r="B9" s="13"/>
      <c r="C9" s="13" t="s">
        <v>316</v>
      </c>
      <c r="D9" s="131">
        <v>17.097000000000001</v>
      </c>
      <c r="E9" s="131">
        <v>17.78</v>
      </c>
      <c r="F9" s="131">
        <v>17.172999999999998</v>
      </c>
      <c r="G9" s="131">
        <v>17.033999999999999</v>
      </c>
      <c r="H9" s="131">
        <v>15.725</v>
      </c>
      <c r="I9" s="131">
        <v>15.448</v>
      </c>
      <c r="J9" s="131">
        <v>14.352</v>
      </c>
      <c r="K9" s="131">
        <v>14.961</v>
      </c>
      <c r="L9" s="131">
        <v>19.436</v>
      </c>
      <c r="M9" s="131">
        <v>17.515000000000001</v>
      </c>
      <c r="N9" s="131">
        <v>15.153</v>
      </c>
      <c r="O9" s="132">
        <v>18.478000000000002</v>
      </c>
      <c r="P9" s="21">
        <v>0.70866125563340265</v>
      </c>
    </row>
    <row r="10" spans="1:16" ht="10.35" customHeight="1">
      <c r="A10" s="13"/>
      <c r="B10" s="12" t="s">
        <v>298</v>
      </c>
      <c r="C10" s="13"/>
      <c r="D10" s="42"/>
      <c r="E10" s="42"/>
      <c r="F10" s="42"/>
      <c r="G10" s="42"/>
      <c r="H10" s="42"/>
      <c r="I10" s="42"/>
      <c r="J10" s="42"/>
      <c r="K10" s="42"/>
      <c r="L10" s="42"/>
      <c r="M10" s="42"/>
      <c r="N10" s="42"/>
      <c r="O10" s="130"/>
      <c r="P10" s="184"/>
    </row>
    <row r="11" spans="1:16" ht="11.4" customHeight="1">
      <c r="A11" s="13"/>
      <c r="B11" s="13" t="s">
        <v>317</v>
      </c>
      <c r="C11" s="13"/>
      <c r="D11" s="42"/>
      <c r="E11" s="42"/>
      <c r="F11" s="42"/>
      <c r="G11" s="42"/>
      <c r="H11" s="42"/>
      <c r="I11" s="42"/>
      <c r="J11" s="42"/>
      <c r="K11" s="42"/>
      <c r="L11" s="42"/>
      <c r="M11" s="42"/>
      <c r="N11" s="42"/>
      <c r="O11" s="130"/>
      <c r="P11" s="21"/>
    </row>
    <row r="12" spans="1:16" ht="11.4" customHeight="1">
      <c r="A12" s="13"/>
      <c r="B12" s="183" t="s">
        <v>318</v>
      </c>
      <c r="C12" s="13"/>
      <c r="D12" s="131">
        <v>7.8959999999999999</v>
      </c>
      <c r="E12" s="131">
        <v>8.4960000000000004</v>
      </c>
      <c r="F12" s="131">
        <v>8.6270000000000007</v>
      </c>
      <c r="G12" s="131">
        <v>8.9849999999999994</v>
      </c>
      <c r="H12" s="131">
        <v>9.2219999999999995</v>
      </c>
      <c r="I12" s="131">
        <v>7.55</v>
      </c>
      <c r="J12" s="131">
        <v>7.8280000000000003</v>
      </c>
      <c r="K12" s="131">
        <v>8.3919999999999995</v>
      </c>
      <c r="L12" s="131">
        <v>8.8970000000000002</v>
      </c>
      <c r="M12" s="131">
        <v>7.9580000000000002</v>
      </c>
      <c r="N12" s="131">
        <v>7.4619999999999997</v>
      </c>
      <c r="O12" s="132">
        <v>7.8570000000000002</v>
      </c>
      <c r="P12" s="21">
        <v>-4.5003033663804093E-2</v>
      </c>
    </row>
    <row r="13" spans="1:16" ht="12.6" customHeight="1">
      <c r="A13" s="13"/>
      <c r="B13" s="13"/>
      <c r="C13" s="12" t="s">
        <v>319</v>
      </c>
      <c r="D13" s="185">
        <v>24.992999999999999</v>
      </c>
      <c r="E13" s="185">
        <v>26.276</v>
      </c>
      <c r="F13" s="185">
        <v>25.8</v>
      </c>
      <c r="G13" s="185">
        <v>26.018999999999998</v>
      </c>
      <c r="H13" s="185">
        <v>24.946999999999999</v>
      </c>
      <c r="I13" s="185">
        <v>22.998000000000001</v>
      </c>
      <c r="J13" s="185">
        <v>22.18</v>
      </c>
      <c r="K13" s="185">
        <v>23.353999999999999</v>
      </c>
      <c r="L13" s="185">
        <v>28.332999999999998</v>
      </c>
      <c r="M13" s="185">
        <v>25.472000000000001</v>
      </c>
      <c r="N13" s="185">
        <v>22.616</v>
      </c>
      <c r="O13" s="186">
        <v>26.335000000000001</v>
      </c>
      <c r="P13" s="21">
        <v>0.4766146412506389</v>
      </c>
    </row>
    <row r="14" spans="1:16" ht="10.95" customHeight="1">
      <c r="A14" s="12" t="s">
        <v>165</v>
      </c>
      <c r="B14" s="13"/>
      <c r="C14" s="13"/>
      <c r="D14" s="89"/>
      <c r="E14" s="89"/>
      <c r="F14" s="89"/>
      <c r="G14" s="89"/>
      <c r="H14" s="89"/>
      <c r="I14" s="89"/>
      <c r="J14" s="89"/>
      <c r="K14" s="89"/>
      <c r="L14" s="89"/>
      <c r="M14" s="89"/>
      <c r="N14" s="89"/>
      <c r="O14" s="135"/>
      <c r="P14" s="21"/>
    </row>
    <row r="15" spans="1:16" ht="10.35" customHeight="1">
      <c r="A15" s="13"/>
      <c r="B15" s="12" t="s">
        <v>273</v>
      </c>
      <c r="C15" s="13"/>
      <c r="D15" s="89"/>
      <c r="E15" s="89"/>
      <c r="F15" s="89"/>
      <c r="G15" s="89"/>
      <c r="H15" s="89"/>
      <c r="I15" s="89"/>
      <c r="J15" s="89"/>
      <c r="K15" s="89"/>
      <c r="L15" s="89"/>
      <c r="M15" s="89"/>
      <c r="N15" s="89"/>
      <c r="O15" s="135"/>
      <c r="P15" s="21"/>
    </row>
    <row r="16" spans="1:16" ht="11.4" customHeight="1">
      <c r="A16" s="13"/>
      <c r="B16" s="13" t="s">
        <v>312</v>
      </c>
      <c r="C16" s="13"/>
      <c r="D16" s="89">
        <v>20.414693459618594</v>
      </c>
      <c r="E16" s="89">
        <v>8.6628401360544274</v>
      </c>
      <c r="F16" s="89">
        <v>-9.2242981512276288</v>
      </c>
      <c r="G16" s="89">
        <v>-13.426724137931034</v>
      </c>
      <c r="H16" s="89">
        <v>-42.195668409260648</v>
      </c>
      <c r="I16" s="89">
        <v>-75.107665805340233</v>
      </c>
      <c r="J16" s="89">
        <v>-100</v>
      </c>
      <c r="K16" s="42">
        <v>0</v>
      </c>
      <c r="L16" s="42">
        <v>0</v>
      </c>
      <c r="M16" s="89">
        <v>-17.299336839698142</v>
      </c>
      <c r="N16" s="89">
        <v>-100</v>
      </c>
      <c r="O16" s="130">
        <v>0</v>
      </c>
      <c r="P16" s="116" t="s">
        <v>302</v>
      </c>
    </row>
    <row r="17" spans="1:16" ht="11.4" customHeight="1">
      <c r="A17" s="13"/>
      <c r="B17" s="13" t="s">
        <v>313</v>
      </c>
      <c r="C17" s="13"/>
      <c r="D17" s="89">
        <v>6.7966700878093311</v>
      </c>
      <c r="E17" s="89">
        <v>6.0437800320341628</v>
      </c>
      <c r="F17" s="89">
        <v>6.051757124156687</v>
      </c>
      <c r="G17" s="89">
        <v>5.9722749715153789</v>
      </c>
      <c r="H17" s="89">
        <v>6.2942388674849914</v>
      </c>
      <c r="I17" s="89">
        <v>21.705230328317949</v>
      </c>
      <c r="J17" s="89">
        <v>-2.0327596356962241</v>
      </c>
      <c r="K17" s="89">
        <v>9.4733121244255933</v>
      </c>
      <c r="L17" s="89">
        <v>9.3703584113658422</v>
      </c>
      <c r="M17" s="89">
        <v>7.7202409069437872</v>
      </c>
      <c r="N17" s="89">
        <v>0.13977581056265898</v>
      </c>
      <c r="O17" s="135">
        <v>11.067929279106693</v>
      </c>
      <c r="P17" s="21">
        <v>4.5326198571600917</v>
      </c>
    </row>
    <row r="18" spans="1:16" ht="11.4" customHeight="1">
      <c r="A18" s="13"/>
      <c r="B18" s="13" t="s">
        <v>315</v>
      </c>
      <c r="C18" s="13"/>
      <c r="D18" s="89">
        <v>7.9071766222604145</v>
      </c>
      <c r="E18" s="89">
        <v>9.3488649940262736</v>
      </c>
      <c r="F18" s="89">
        <v>5.0350541746335242</v>
      </c>
      <c r="G18" s="89">
        <v>7.168862690707356</v>
      </c>
      <c r="H18" s="89">
        <v>6.187818490657615</v>
      </c>
      <c r="I18" s="89">
        <v>3.3973187081048239</v>
      </c>
      <c r="J18" s="89">
        <v>6.0188595844997694</v>
      </c>
      <c r="K18" s="89">
        <v>6.0315474949621306</v>
      </c>
      <c r="L18" s="89">
        <v>12.274723114227658</v>
      </c>
      <c r="M18" s="89">
        <v>8.6913378473032932</v>
      </c>
      <c r="N18" s="89">
        <v>25.396058213844587</v>
      </c>
      <c r="O18" s="135">
        <v>11.738758029978591</v>
      </c>
      <c r="P18" s="21">
        <v>3.6573411022429614</v>
      </c>
    </row>
    <row r="19" spans="1:16" ht="11.4" customHeight="1">
      <c r="A19" s="13"/>
      <c r="B19" s="13"/>
      <c r="C19" s="13" t="s">
        <v>316</v>
      </c>
      <c r="D19" s="89">
        <v>10.164747973109446</v>
      </c>
      <c r="E19" s="89">
        <v>7.5585354355455436</v>
      </c>
      <c r="F19" s="89">
        <v>1.977208532190522</v>
      </c>
      <c r="G19" s="89">
        <v>2.0033428844317136</v>
      </c>
      <c r="H19" s="89">
        <v>-2.8558720943842264</v>
      </c>
      <c r="I19" s="89">
        <v>5.0796404732644129</v>
      </c>
      <c r="J19" s="89">
        <v>-2.1235122801385065</v>
      </c>
      <c r="K19" s="89">
        <v>8.3128324078629809</v>
      </c>
      <c r="L19" s="89">
        <v>29.247874710679444</v>
      </c>
      <c r="M19" s="89">
        <v>4.3364016736401778</v>
      </c>
      <c r="N19" s="89">
        <v>-3.9348101570395033</v>
      </c>
      <c r="O19" s="135">
        <v>25.905022709056901</v>
      </c>
      <c r="P19" s="21">
        <v>8.8767665872825816</v>
      </c>
    </row>
    <row r="20" spans="1:16" ht="10.35" customHeight="1">
      <c r="A20" s="13"/>
      <c r="B20" s="12" t="s">
        <v>298</v>
      </c>
      <c r="C20" s="13"/>
      <c r="D20" s="89"/>
      <c r="E20" s="89"/>
      <c r="F20" s="89"/>
      <c r="G20" s="89"/>
      <c r="H20" s="89"/>
      <c r="I20" s="89"/>
      <c r="J20" s="89"/>
      <c r="K20" s="89"/>
      <c r="L20" s="89"/>
      <c r="M20" s="89"/>
      <c r="N20" s="89"/>
      <c r="O20" s="135"/>
      <c r="P20" s="116"/>
    </row>
    <row r="21" spans="1:16" ht="12.9" customHeight="1">
      <c r="A21" s="13"/>
      <c r="B21" s="29" t="s">
        <v>320</v>
      </c>
      <c r="C21" s="13"/>
      <c r="D21" s="89"/>
      <c r="E21" s="89"/>
      <c r="F21" s="89"/>
      <c r="G21" s="89"/>
      <c r="H21" s="89"/>
      <c r="I21" s="89"/>
      <c r="J21" s="89"/>
      <c r="K21" s="89"/>
      <c r="L21" s="89"/>
      <c r="M21" s="89"/>
      <c r="N21" s="89"/>
      <c r="O21" s="135"/>
      <c r="P21" s="116"/>
    </row>
    <row r="22" spans="1:16" ht="12" customHeight="1">
      <c r="A22" s="13"/>
      <c r="B22" s="183" t="s">
        <v>321</v>
      </c>
      <c r="C22" s="13"/>
      <c r="D22" s="89">
        <v>13.518733101583624</v>
      </c>
      <c r="E22" s="89">
        <v>11.290688442780983</v>
      </c>
      <c r="F22" s="89">
        <v>7.2101910828025417</v>
      </c>
      <c r="G22" s="89">
        <v>7.0912547528517056</v>
      </c>
      <c r="H22" s="89">
        <v>8.0152671755725269</v>
      </c>
      <c r="I22" s="89">
        <v>-12.433231982907389</v>
      </c>
      <c r="J22" s="89">
        <v>9.2389264264264312</v>
      </c>
      <c r="K22" s="89">
        <v>11.386967913749402</v>
      </c>
      <c r="L22" s="89">
        <v>5.4681474625944748</v>
      </c>
      <c r="M22" s="89">
        <v>3.5648994515539378</v>
      </c>
      <c r="N22" s="89">
        <v>4.1200353045013349</v>
      </c>
      <c r="O22" s="135">
        <v>8.7074460870744552</v>
      </c>
      <c r="P22" s="21">
        <v>-3.9201636734648826</v>
      </c>
    </row>
    <row r="23" spans="1:16" ht="10.199999999999999">
      <c r="A23" s="13"/>
      <c r="B23" s="13"/>
      <c r="C23" s="12" t="s">
        <v>319</v>
      </c>
      <c r="D23" s="136">
        <v>11.20275735660352</v>
      </c>
      <c r="E23" s="136">
        <v>8.7376379532750459</v>
      </c>
      <c r="F23" s="136">
        <v>3.669286408646788</v>
      </c>
      <c r="G23" s="136">
        <v>3.7047043865225726</v>
      </c>
      <c r="H23" s="136">
        <v>0.89807052765475959</v>
      </c>
      <c r="I23" s="136">
        <v>-1.3943527195953598</v>
      </c>
      <c r="J23" s="136">
        <v>1.6066174771638408</v>
      </c>
      <c r="K23" s="136">
        <v>9.3978351171886807</v>
      </c>
      <c r="L23" s="136">
        <v>20.702318426851065</v>
      </c>
      <c r="M23" s="136">
        <v>4.0941446613088406</v>
      </c>
      <c r="N23" s="136">
        <v>-1.418392782299871</v>
      </c>
      <c r="O23" s="137">
        <v>20.230476616692773</v>
      </c>
      <c r="P23" s="21">
        <v>5.5199685705157764</v>
      </c>
    </row>
    <row r="24" spans="1:16" ht="10.35" customHeight="1">
      <c r="A24" s="12" t="s">
        <v>322</v>
      </c>
      <c r="B24" s="13"/>
      <c r="C24" s="13"/>
      <c r="D24" s="14"/>
      <c r="E24" s="14"/>
      <c r="F24" s="14"/>
      <c r="G24" s="14"/>
      <c r="H24" s="14"/>
      <c r="I24" s="14"/>
      <c r="J24" s="14"/>
      <c r="K24" s="14"/>
      <c r="L24" s="14"/>
      <c r="M24" s="14"/>
      <c r="N24" s="14"/>
      <c r="O24" s="20"/>
      <c r="P24" s="21"/>
    </row>
    <row r="25" spans="1:16" ht="11.1" customHeight="1">
      <c r="A25" s="13"/>
      <c r="B25" s="12" t="s">
        <v>273</v>
      </c>
      <c r="C25" s="13"/>
      <c r="D25" s="14"/>
      <c r="E25" s="14"/>
      <c r="F25" s="14"/>
      <c r="G25" s="14"/>
      <c r="H25" s="14"/>
      <c r="I25" s="14"/>
      <c r="J25" s="14"/>
      <c r="K25" s="14"/>
      <c r="L25" s="14"/>
      <c r="M25" s="14"/>
      <c r="N25" s="14"/>
      <c r="O25" s="20"/>
      <c r="P25" s="21"/>
    </row>
    <row r="26" spans="1:16" ht="11.1" customHeight="1">
      <c r="A26" s="13"/>
      <c r="B26" s="13" t="s">
        <v>312</v>
      </c>
      <c r="C26" s="13"/>
      <c r="D26" s="14">
        <v>2058</v>
      </c>
      <c r="E26" s="14">
        <v>2206</v>
      </c>
      <c r="F26" s="14">
        <v>1969</v>
      </c>
      <c r="G26" s="14">
        <v>1686</v>
      </c>
      <c r="H26" s="14">
        <v>955</v>
      </c>
      <c r="I26" s="14">
        <v>234</v>
      </c>
      <c r="J26" s="14">
        <v>0</v>
      </c>
      <c r="K26" s="14">
        <v>0</v>
      </c>
      <c r="L26" s="14">
        <v>1690</v>
      </c>
      <c r="M26" s="14">
        <v>1384</v>
      </c>
      <c r="N26" s="14">
        <v>0</v>
      </c>
      <c r="O26" s="20">
        <v>1582</v>
      </c>
      <c r="P26" s="21">
        <v>-2.3629506625753915</v>
      </c>
    </row>
    <row r="27" spans="1:16" ht="11.1" customHeight="1">
      <c r="A27" s="13"/>
      <c r="B27" s="13" t="s">
        <v>313</v>
      </c>
      <c r="C27" s="13"/>
      <c r="D27" s="14">
        <v>4098</v>
      </c>
      <c r="E27" s="14">
        <v>4285</v>
      </c>
      <c r="F27" s="14">
        <v>4470</v>
      </c>
      <c r="G27" s="14">
        <v>4684</v>
      </c>
      <c r="H27" s="14">
        <v>4881</v>
      </c>
      <c r="I27" s="14">
        <v>5852</v>
      </c>
      <c r="J27" s="14">
        <v>5634</v>
      </c>
      <c r="K27" s="14">
        <v>6059</v>
      </c>
      <c r="L27" s="14">
        <v>6544</v>
      </c>
      <c r="M27" s="14">
        <v>6981</v>
      </c>
      <c r="N27" s="14">
        <v>6822</v>
      </c>
      <c r="O27" s="20">
        <v>7353</v>
      </c>
      <c r="P27" s="21">
        <v>5.4583923621891239</v>
      </c>
    </row>
    <row r="28" spans="1:16" ht="11.1" customHeight="1">
      <c r="A28" s="13"/>
      <c r="B28" s="13" t="s">
        <v>315</v>
      </c>
      <c r="C28" s="13"/>
      <c r="D28" s="22">
        <v>2197</v>
      </c>
      <c r="E28" s="22">
        <v>2370</v>
      </c>
      <c r="F28" s="22">
        <v>2448</v>
      </c>
      <c r="G28" s="22">
        <v>2594</v>
      </c>
      <c r="H28" s="22">
        <v>2701</v>
      </c>
      <c r="I28" s="22">
        <v>2751</v>
      </c>
      <c r="J28" s="22">
        <v>2866</v>
      </c>
      <c r="K28" s="22">
        <v>2986</v>
      </c>
      <c r="L28" s="22">
        <v>3310</v>
      </c>
      <c r="M28" s="22">
        <v>3563</v>
      </c>
      <c r="N28" s="22">
        <v>4359</v>
      </c>
      <c r="O28" s="24">
        <v>4727</v>
      </c>
      <c r="P28" s="21">
        <v>7.2137543428633322</v>
      </c>
    </row>
    <row r="29" spans="1:16" ht="11.1" customHeight="1">
      <c r="A29" s="13"/>
      <c r="B29" s="13"/>
      <c r="C29" s="13" t="s">
        <v>316</v>
      </c>
      <c r="D29" s="22">
        <v>8353</v>
      </c>
      <c r="E29" s="22">
        <v>8861</v>
      </c>
      <c r="F29" s="22">
        <v>8887</v>
      </c>
      <c r="G29" s="22">
        <v>8964</v>
      </c>
      <c r="H29" s="22">
        <v>8537</v>
      </c>
      <c r="I29" s="22">
        <v>8838</v>
      </c>
      <c r="J29" s="22">
        <v>8501</v>
      </c>
      <c r="K29" s="22">
        <v>9045</v>
      </c>
      <c r="L29" s="22">
        <v>11543</v>
      </c>
      <c r="M29" s="22">
        <v>11927</v>
      </c>
      <c r="N29" s="22">
        <v>11181</v>
      </c>
      <c r="O29" s="24">
        <v>13662</v>
      </c>
      <c r="P29" s="21">
        <v>4.5742380863809107</v>
      </c>
    </row>
    <row r="30" spans="1:16" ht="10.35" customHeight="1">
      <c r="A30" s="13"/>
      <c r="B30" s="12" t="s">
        <v>298</v>
      </c>
      <c r="C30" s="13"/>
      <c r="D30" s="14"/>
      <c r="E30" s="14"/>
      <c r="F30" s="14"/>
      <c r="G30" s="14"/>
      <c r="H30" s="14"/>
      <c r="I30" s="14"/>
      <c r="J30" s="14"/>
      <c r="K30" s="14"/>
      <c r="L30" s="14"/>
      <c r="M30" s="14"/>
      <c r="N30" s="14"/>
      <c r="O30" s="20"/>
      <c r="P30" s="21"/>
    </row>
    <row r="31" spans="1:16" ht="12" customHeight="1">
      <c r="A31" s="13"/>
      <c r="B31" s="13" t="s">
        <v>317</v>
      </c>
      <c r="C31" s="13"/>
      <c r="D31" s="22">
        <v>3858</v>
      </c>
      <c r="E31" s="22">
        <v>4234</v>
      </c>
      <c r="F31" s="22">
        <v>4465</v>
      </c>
      <c r="G31" s="22">
        <v>4728</v>
      </c>
      <c r="H31" s="22">
        <v>5007</v>
      </c>
      <c r="I31" s="22">
        <v>4319</v>
      </c>
      <c r="J31" s="22">
        <v>4637</v>
      </c>
      <c r="K31" s="22">
        <v>5074</v>
      </c>
      <c r="L31" s="22">
        <v>5284</v>
      </c>
      <c r="M31" s="22">
        <v>5419</v>
      </c>
      <c r="N31" s="22">
        <v>5506</v>
      </c>
      <c r="O31" s="24">
        <v>5809</v>
      </c>
      <c r="P31" s="21">
        <v>3.8</v>
      </c>
    </row>
    <row r="32" spans="1:16" ht="11.7" customHeight="1">
      <c r="A32" s="13"/>
      <c r="B32" s="13"/>
      <c r="C32" s="12" t="s">
        <v>319</v>
      </c>
      <c r="D32" s="22">
        <v>12211</v>
      </c>
      <c r="E32" s="22">
        <v>13095</v>
      </c>
      <c r="F32" s="22">
        <v>13351</v>
      </c>
      <c r="G32" s="22">
        <v>13692</v>
      </c>
      <c r="H32" s="22">
        <v>13543</v>
      </c>
      <c r="I32" s="22">
        <v>13157</v>
      </c>
      <c r="J32" s="22">
        <v>13137</v>
      </c>
      <c r="K32" s="22">
        <v>14119</v>
      </c>
      <c r="L32" s="22">
        <v>16827</v>
      </c>
      <c r="M32" s="22">
        <v>17347</v>
      </c>
      <c r="N32" s="22">
        <v>16687</v>
      </c>
      <c r="O32" s="24">
        <v>19471</v>
      </c>
      <c r="P32" s="21">
        <v>4.3329645588943366</v>
      </c>
    </row>
    <row r="33" spans="1:16" s="18" customFormat="1" ht="11.7" customHeight="1">
      <c r="A33" s="28" t="s">
        <v>323</v>
      </c>
      <c r="B33" s="29"/>
      <c r="C33" s="28"/>
      <c r="D33" s="138">
        <v>15673.526446438298</v>
      </c>
      <c r="E33" s="138">
        <v>16821.686523180659</v>
      </c>
      <c r="F33" s="138">
        <v>16978.123387489977</v>
      </c>
      <c r="G33" s="138">
        <v>17223.784107534888</v>
      </c>
      <c r="H33" s="138">
        <v>16729.800145503035</v>
      </c>
      <c r="I33" s="138">
        <v>15914.634706888774</v>
      </c>
      <c r="J33" s="138">
        <v>15470.066396348777</v>
      </c>
      <c r="K33" s="138">
        <v>16246.17842428887</v>
      </c>
      <c r="L33" s="138">
        <v>19216.718088772239</v>
      </c>
      <c r="M33" s="138">
        <v>19271.408475438915</v>
      </c>
      <c r="N33" s="138">
        <v>17340.657167559166</v>
      </c>
      <c r="O33" s="139">
        <v>19471.235164693397</v>
      </c>
      <c r="P33" s="21">
        <v>1.9919912836880327</v>
      </c>
    </row>
    <row r="34" spans="1:16" ht="10.35" customHeight="1">
      <c r="A34" s="13"/>
      <c r="B34" s="13" t="s">
        <v>169</v>
      </c>
      <c r="C34" s="12"/>
      <c r="D34" s="51">
        <v>8.3624037017892228</v>
      </c>
      <c r="E34" s="51">
        <v>7.3254738215168702</v>
      </c>
      <c r="F34" s="51">
        <v>0.92997134439369855</v>
      </c>
      <c r="G34" s="51">
        <v>1.4469250484180129</v>
      </c>
      <c r="H34" s="51">
        <v>-2.8680338707668174</v>
      </c>
      <c r="I34" s="51">
        <v>-4.8725354249577135</v>
      </c>
      <c r="J34" s="51">
        <v>-2.7934559525111924</v>
      </c>
      <c r="K34" s="51">
        <v>5.0168629406999177</v>
      </c>
      <c r="L34" s="51">
        <v>18.284544136498337</v>
      </c>
      <c r="M34" s="51">
        <v>0.28459795483304351</v>
      </c>
      <c r="N34" s="51">
        <v>-10.018734802598672</v>
      </c>
      <c r="O34" s="53">
        <v>12.28660469177667</v>
      </c>
      <c r="P34" s="21">
        <v>3.5597462945926139</v>
      </c>
    </row>
    <row r="35" spans="1:16" ht="1.95" customHeight="1">
      <c r="A35" s="109"/>
      <c r="B35" s="110"/>
      <c r="C35" s="110"/>
      <c r="D35" s="148"/>
      <c r="E35" s="148"/>
      <c r="F35" s="148"/>
      <c r="G35" s="148"/>
      <c r="H35" s="148"/>
      <c r="I35" s="148"/>
      <c r="J35" s="148"/>
      <c r="K35" s="148"/>
      <c r="L35" s="148"/>
      <c r="M35" s="148"/>
      <c r="N35" s="148"/>
      <c r="O35" s="149"/>
      <c r="P35" s="150"/>
    </row>
    <row r="36" spans="1:16" ht="1.95" customHeight="1">
      <c r="O36" s="66"/>
    </row>
    <row r="37" spans="1:16" s="66" customFormat="1" ht="19.5" customHeight="1">
      <c r="A37" s="159" t="s">
        <v>67</v>
      </c>
      <c r="B37" s="286" t="s">
        <v>520</v>
      </c>
      <c r="C37" s="286"/>
      <c r="D37" s="286"/>
      <c r="E37" s="286"/>
      <c r="F37" s="286"/>
      <c r="G37" s="286"/>
      <c r="H37" s="286"/>
      <c r="I37" s="286"/>
      <c r="J37" s="286"/>
      <c r="K37" s="286"/>
      <c r="L37" s="286"/>
      <c r="M37" s="286"/>
      <c r="N37" s="286"/>
      <c r="O37" s="286"/>
      <c r="P37" s="286"/>
    </row>
    <row r="38" spans="1:16" s="66" customFormat="1" ht="10.35" customHeight="1">
      <c r="A38" s="159" t="s">
        <v>68</v>
      </c>
      <c r="B38" s="288" t="s">
        <v>521</v>
      </c>
      <c r="C38" s="288"/>
      <c r="D38" s="288"/>
      <c r="E38" s="288"/>
      <c r="F38" s="288"/>
      <c r="G38" s="288"/>
      <c r="H38" s="288"/>
      <c r="I38" s="288"/>
      <c r="J38" s="288"/>
      <c r="K38" s="288"/>
      <c r="L38" s="288"/>
      <c r="M38" s="288"/>
      <c r="N38" s="288"/>
      <c r="O38" s="288"/>
      <c r="P38" s="288"/>
    </row>
    <row r="39" spans="1:16" s="66" customFormat="1" ht="10.35" customHeight="1">
      <c r="A39" s="159" t="s">
        <v>69</v>
      </c>
      <c r="B39" s="288" t="s">
        <v>522</v>
      </c>
      <c r="C39" s="288"/>
      <c r="D39" s="288"/>
      <c r="E39" s="288"/>
      <c r="F39" s="288"/>
      <c r="G39" s="288"/>
      <c r="H39" s="288"/>
      <c r="I39" s="288"/>
      <c r="J39" s="288"/>
      <c r="K39" s="288"/>
      <c r="L39" s="288"/>
      <c r="M39" s="288"/>
      <c r="N39" s="288"/>
      <c r="O39" s="288"/>
      <c r="P39" s="288"/>
    </row>
    <row r="40" spans="1:16">
      <c r="O40" s="66"/>
    </row>
    <row r="41" spans="1:16">
      <c r="O41" s="66"/>
    </row>
    <row r="42" spans="1:16">
      <c r="O42" s="66"/>
    </row>
    <row r="43" spans="1:16">
      <c r="O43" s="66"/>
    </row>
    <row r="44" spans="1:16">
      <c r="O44" s="66"/>
    </row>
    <row r="45" spans="1:16">
      <c r="O45" s="66"/>
    </row>
    <row r="46" spans="1:16">
      <c r="O46" s="66"/>
    </row>
    <row r="47" spans="1:16">
      <c r="O47" s="66"/>
    </row>
    <row r="48" spans="1:16">
      <c r="O48" s="66"/>
    </row>
    <row r="49" spans="15:15">
      <c r="O49" s="66"/>
    </row>
    <row r="50" spans="15:15">
      <c r="O50" s="66"/>
    </row>
    <row r="51" spans="15:15">
      <c r="O51" s="66"/>
    </row>
    <row r="52" spans="15:15">
      <c r="O52" s="66"/>
    </row>
    <row r="53" spans="15:15">
      <c r="O53" s="66"/>
    </row>
    <row r="54" spans="15:15">
      <c r="O54" s="66"/>
    </row>
    <row r="55" spans="15:15">
      <c r="O55" s="66"/>
    </row>
    <row r="56" spans="15:15">
      <c r="O56" s="66"/>
    </row>
    <row r="57" spans="15:15">
      <c r="O57" s="66"/>
    </row>
    <row r="58" spans="15:15">
      <c r="O58" s="66"/>
    </row>
    <row r="59" spans="15:15">
      <c r="O59" s="66"/>
    </row>
    <row r="60" spans="15:15">
      <c r="O60" s="66"/>
    </row>
    <row r="61" spans="15:15">
      <c r="O61" s="66"/>
    </row>
    <row r="62" spans="15:15">
      <c r="O62" s="66"/>
    </row>
    <row r="63" spans="15:15">
      <c r="O63" s="66"/>
    </row>
    <row r="64" spans="15:15">
      <c r="O64" s="66"/>
    </row>
    <row r="65" spans="15:15">
      <c r="O65" s="66"/>
    </row>
    <row r="66" spans="15:15">
      <c r="O66" s="66"/>
    </row>
    <row r="67" spans="15:15">
      <c r="O67" s="66"/>
    </row>
    <row r="68" spans="15:15">
      <c r="O68" s="66"/>
    </row>
    <row r="69" spans="15:15">
      <c r="O69" s="66"/>
    </row>
    <row r="70" spans="15:15">
      <c r="O70" s="66"/>
    </row>
    <row r="71" spans="15:15">
      <c r="O71" s="66"/>
    </row>
    <row r="72" spans="15:15">
      <c r="O72" s="66"/>
    </row>
    <row r="73" spans="15:15">
      <c r="O73" s="66"/>
    </row>
    <row r="74" spans="15:15">
      <c r="O74" s="66"/>
    </row>
    <row r="75" spans="15:15">
      <c r="O75" s="66"/>
    </row>
    <row r="76" spans="15:15">
      <c r="O76" s="66"/>
    </row>
    <row r="77" spans="15:15">
      <c r="O77" s="66"/>
    </row>
    <row r="78" spans="15:15">
      <c r="O78" s="66"/>
    </row>
    <row r="79" spans="15:15">
      <c r="O79" s="66"/>
    </row>
    <row r="80" spans="15:15">
      <c r="O80" s="66"/>
    </row>
    <row r="81" spans="15:15">
      <c r="O81" s="66"/>
    </row>
    <row r="82" spans="15:15">
      <c r="O82" s="66"/>
    </row>
    <row r="83" spans="15:15">
      <c r="O83" s="66"/>
    </row>
    <row r="84" spans="15:15">
      <c r="O84" s="66"/>
    </row>
    <row r="85" spans="15:15">
      <c r="O85" s="66"/>
    </row>
    <row r="86" spans="15:15">
      <c r="O86" s="66"/>
    </row>
    <row r="87" spans="15:15">
      <c r="O87" s="66"/>
    </row>
    <row r="88" spans="15:15">
      <c r="O88" s="66"/>
    </row>
    <row r="89" spans="15:15">
      <c r="O89" s="66"/>
    </row>
    <row r="90" spans="15:15">
      <c r="O90" s="66"/>
    </row>
    <row r="91" spans="15:15">
      <c r="O91" s="66"/>
    </row>
    <row r="92" spans="15:15">
      <c r="O92" s="66"/>
    </row>
    <row r="93" spans="15:15">
      <c r="O93" s="66"/>
    </row>
    <row r="94" spans="15:15">
      <c r="O94" s="66"/>
    </row>
    <row r="95" spans="15:15">
      <c r="O95" s="66"/>
    </row>
    <row r="96" spans="15:15">
      <c r="O96" s="66"/>
    </row>
    <row r="97" spans="15:15">
      <c r="O97" s="66"/>
    </row>
    <row r="98" spans="15:15">
      <c r="O98" s="66"/>
    </row>
    <row r="99" spans="15:15">
      <c r="O99" s="66"/>
    </row>
    <row r="100" spans="15:15">
      <c r="O100" s="66"/>
    </row>
    <row r="101" spans="15:15">
      <c r="O101" s="66"/>
    </row>
    <row r="102" spans="15:15">
      <c r="O102" s="66"/>
    </row>
    <row r="103" spans="15:15">
      <c r="O103" s="66"/>
    </row>
    <row r="104" spans="15:15">
      <c r="O104" s="66"/>
    </row>
    <row r="105" spans="15:15">
      <c r="O105" s="66"/>
    </row>
    <row r="106" spans="15:15">
      <c r="O106" s="66"/>
    </row>
    <row r="107" spans="15:15">
      <c r="O107" s="66"/>
    </row>
    <row r="108" spans="15:15">
      <c r="O108" s="66"/>
    </row>
    <row r="109" spans="15:15">
      <c r="O109" s="66"/>
    </row>
    <row r="110" spans="15:15">
      <c r="O110" s="66"/>
    </row>
    <row r="111" spans="15:15">
      <c r="O111" s="66"/>
    </row>
    <row r="112" spans="15:15">
      <c r="O112" s="66"/>
    </row>
    <row r="113" spans="15:15">
      <c r="O113" s="66"/>
    </row>
    <row r="114" spans="15:15">
      <c r="O114" s="66"/>
    </row>
    <row r="115" spans="15:15">
      <c r="O115" s="66"/>
    </row>
    <row r="116" spans="15:15">
      <c r="O116" s="66"/>
    </row>
    <row r="117" spans="15:15">
      <c r="O117" s="66"/>
    </row>
    <row r="118" spans="15:15">
      <c r="O118" s="66"/>
    </row>
    <row r="119" spans="15:15">
      <c r="O119" s="66"/>
    </row>
    <row r="120" spans="15:15">
      <c r="O120" s="66"/>
    </row>
    <row r="121" spans="15:15">
      <c r="O121" s="66"/>
    </row>
    <row r="122" spans="15:15">
      <c r="O122" s="66"/>
    </row>
    <row r="123" spans="15:15">
      <c r="O123" s="66"/>
    </row>
    <row r="124" spans="15:15">
      <c r="O124" s="66"/>
    </row>
    <row r="125" spans="15:15">
      <c r="O125" s="66"/>
    </row>
    <row r="126" spans="15:15">
      <c r="O126" s="66"/>
    </row>
    <row r="127" spans="15:15">
      <c r="O127" s="66"/>
    </row>
    <row r="128" spans="15:15">
      <c r="O128" s="66"/>
    </row>
    <row r="129" spans="15:15">
      <c r="O129" s="66"/>
    </row>
    <row r="130" spans="15:15">
      <c r="O130" s="66"/>
    </row>
    <row r="131" spans="15:15">
      <c r="O131" s="66"/>
    </row>
    <row r="132" spans="15:15">
      <c r="O132" s="66"/>
    </row>
    <row r="133" spans="15:15">
      <c r="O133" s="66"/>
    </row>
    <row r="134" spans="15:15">
      <c r="O134" s="66"/>
    </row>
    <row r="135" spans="15:15">
      <c r="O135" s="66"/>
    </row>
    <row r="136" spans="15:15">
      <c r="O136" s="66"/>
    </row>
    <row r="137" spans="15:15">
      <c r="O137" s="66"/>
    </row>
    <row r="138" spans="15:15">
      <c r="O138" s="66"/>
    </row>
    <row r="139" spans="15:15">
      <c r="O139" s="66"/>
    </row>
    <row r="140" spans="15:15">
      <c r="O140" s="66"/>
    </row>
    <row r="141" spans="15:15">
      <c r="O141" s="66"/>
    </row>
    <row r="142" spans="15:15">
      <c r="O142" s="66"/>
    </row>
    <row r="143" spans="15:15">
      <c r="O143" s="66"/>
    </row>
    <row r="144" spans="15:15">
      <c r="O144" s="66"/>
    </row>
    <row r="145" spans="15:15">
      <c r="O145" s="66"/>
    </row>
    <row r="146" spans="15:15">
      <c r="O146" s="66"/>
    </row>
    <row r="147" spans="15:15">
      <c r="O147" s="66"/>
    </row>
    <row r="148" spans="15:15">
      <c r="O148" s="66"/>
    </row>
    <row r="149" spans="15:15">
      <c r="O149" s="66"/>
    </row>
    <row r="150" spans="15:15">
      <c r="O150" s="66"/>
    </row>
    <row r="151" spans="15:15">
      <c r="O151" s="66"/>
    </row>
    <row r="152" spans="15:15">
      <c r="O152" s="66"/>
    </row>
    <row r="153" spans="15:15">
      <c r="O153" s="66"/>
    </row>
    <row r="154" spans="15:15">
      <c r="O154" s="66"/>
    </row>
    <row r="155" spans="15:15">
      <c r="O155" s="66"/>
    </row>
    <row r="156" spans="15:15">
      <c r="O156" s="66"/>
    </row>
    <row r="157" spans="15:15">
      <c r="O157" s="66"/>
    </row>
    <row r="158" spans="15:15">
      <c r="O158" s="66"/>
    </row>
    <row r="159" spans="15:15">
      <c r="O159" s="66"/>
    </row>
    <row r="160" spans="15:15">
      <c r="O160" s="66"/>
    </row>
    <row r="161" spans="15:15">
      <c r="O161" s="66"/>
    </row>
    <row r="162" spans="15:15">
      <c r="O162" s="66"/>
    </row>
    <row r="163" spans="15:15">
      <c r="O163" s="66"/>
    </row>
    <row r="164" spans="15:15">
      <c r="O164" s="66"/>
    </row>
    <row r="165" spans="15:15">
      <c r="O165" s="66"/>
    </row>
    <row r="166" spans="15:15">
      <c r="O166" s="66"/>
    </row>
    <row r="167" spans="15:15">
      <c r="O167" s="66"/>
    </row>
    <row r="168" spans="15:15">
      <c r="O168" s="66"/>
    </row>
    <row r="169" spans="15:15">
      <c r="O169" s="66"/>
    </row>
    <row r="170" spans="15:15">
      <c r="O170" s="66"/>
    </row>
    <row r="171" spans="15:15">
      <c r="O171" s="66"/>
    </row>
    <row r="172" spans="15:15">
      <c r="O172" s="66"/>
    </row>
    <row r="173" spans="15:15">
      <c r="O173" s="66"/>
    </row>
    <row r="174" spans="15:15">
      <c r="O174" s="66"/>
    </row>
    <row r="175" spans="15:15">
      <c r="O175" s="66"/>
    </row>
    <row r="176" spans="15:15">
      <c r="O176" s="66"/>
    </row>
    <row r="177" spans="15:15">
      <c r="O177" s="66"/>
    </row>
    <row r="178" spans="15:15">
      <c r="O178" s="66"/>
    </row>
    <row r="179" spans="15:15">
      <c r="O179" s="66"/>
    </row>
    <row r="180" spans="15:15">
      <c r="O180" s="66"/>
    </row>
    <row r="181" spans="15:15">
      <c r="O181" s="66"/>
    </row>
    <row r="182" spans="15:15">
      <c r="O182" s="66"/>
    </row>
    <row r="183" spans="15:15">
      <c r="O183" s="66"/>
    </row>
    <row r="184" spans="15:15">
      <c r="O184" s="66"/>
    </row>
    <row r="185" spans="15:15">
      <c r="O185" s="66"/>
    </row>
    <row r="186" spans="15:15">
      <c r="O186" s="66"/>
    </row>
    <row r="187" spans="15:15">
      <c r="O187" s="66"/>
    </row>
    <row r="188" spans="15:15">
      <c r="O188" s="66"/>
    </row>
    <row r="189" spans="15:15">
      <c r="O189" s="66"/>
    </row>
    <row r="190" spans="15:15">
      <c r="O190" s="66"/>
    </row>
    <row r="191" spans="15:15">
      <c r="O191" s="66"/>
    </row>
    <row r="192" spans="15:15">
      <c r="O192" s="66"/>
    </row>
    <row r="193" spans="15:15">
      <c r="O193" s="66"/>
    </row>
    <row r="194" spans="15:15">
      <c r="O194" s="66"/>
    </row>
    <row r="195" spans="15:15">
      <c r="O195" s="66"/>
    </row>
    <row r="196" spans="15:15">
      <c r="O196" s="66"/>
    </row>
    <row r="197" spans="15:15">
      <c r="O197" s="66"/>
    </row>
    <row r="198" spans="15:15">
      <c r="O198" s="66"/>
    </row>
    <row r="199" spans="15:15">
      <c r="O199" s="66"/>
    </row>
    <row r="200" spans="15:15">
      <c r="O200" s="66"/>
    </row>
    <row r="201" spans="15:15">
      <c r="O201" s="66"/>
    </row>
    <row r="202" spans="15:15">
      <c r="O202" s="66"/>
    </row>
    <row r="203" spans="15:15">
      <c r="O203" s="66"/>
    </row>
    <row r="204" spans="15:15">
      <c r="O204" s="66"/>
    </row>
    <row r="205" spans="15:15">
      <c r="O205" s="66"/>
    </row>
    <row r="206" spans="15:15">
      <c r="O206" s="66"/>
    </row>
    <row r="207" spans="15:15">
      <c r="O207" s="66"/>
    </row>
    <row r="208" spans="15:15">
      <c r="O208" s="66"/>
    </row>
    <row r="209" spans="15:15">
      <c r="O209" s="66"/>
    </row>
    <row r="210" spans="15:15">
      <c r="O210" s="66"/>
    </row>
    <row r="211" spans="15:15">
      <c r="O211" s="66"/>
    </row>
    <row r="212" spans="15:15">
      <c r="O212" s="66"/>
    </row>
    <row r="213" spans="15:15">
      <c r="O213" s="66"/>
    </row>
    <row r="214" spans="15:15">
      <c r="O214" s="66"/>
    </row>
    <row r="215" spans="15:15">
      <c r="O215" s="66"/>
    </row>
    <row r="216" spans="15:15">
      <c r="O216" s="66"/>
    </row>
    <row r="217" spans="15:15">
      <c r="O217" s="66"/>
    </row>
    <row r="218" spans="15:15">
      <c r="O218" s="66"/>
    </row>
    <row r="219" spans="15:15">
      <c r="O219" s="66"/>
    </row>
    <row r="220" spans="15:15">
      <c r="O220" s="66"/>
    </row>
    <row r="221" spans="15:15">
      <c r="O221" s="66"/>
    </row>
    <row r="222" spans="15:15">
      <c r="O222" s="66"/>
    </row>
    <row r="223" spans="15:15">
      <c r="O223" s="66"/>
    </row>
    <row r="224" spans="15:15">
      <c r="O224" s="66"/>
    </row>
    <row r="225" spans="15:15">
      <c r="O225" s="66"/>
    </row>
    <row r="226" spans="15:15">
      <c r="O226" s="66"/>
    </row>
    <row r="227" spans="15:15">
      <c r="O227" s="66"/>
    </row>
    <row r="228" spans="15:15">
      <c r="O228" s="66"/>
    </row>
    <row r="229" spans="15:15">
      <c r="O229" s="66"/>
    </row>
    <row r="230" spans="15:15">
      <c r="O230" s="66"/>
    </row>
    <row r="231" spans="15:15">
      <c r="O231" s="66"/>
    </row>
    <row r="232" spans="15:15">
      <c r="O232" s="66"/>
    </row>
    <row r="233" spans="15:15">
      <c r="O233" s="66"/>
    </row>
    <row r="234" spans="15:15">
      <c r="O234" s="66"/>
    </row>
    <row r="235" spans="15:15">
      <c r="O235" s="66"/>
    </row>
    <row r="236" spans="15:15">
      <c r="O236" s="66"/>
    </row>
    <row r="237" spans="15:15">
      <c r="O237" s="66"/>
    </row>
    <row r="238" spans="15:15">
      <c r="O238" s="66"/>
    </row>
    <row r="239" spans="15:15">
      <c r="O239" s="66"/>
    </row>
    <row r="240" spans="15:15">
      <c r="O240" s="66"/>
    </row>
    <row r="241" spans="15:15">
      <c r="O241" s="66"/>
    </row>
    <row r="242" spans="15:15">
      <c r="O242" s="66"/>
    </row>
    <row r="243" spans="15:15">
      <c r="O243" s="66"/>
    </row>
    <row r="244" spans="15:15">
      <c r="O244" s="66"/>
    </row>
    <row r="245" spans="15:15">
      <c r="O245" s="66"/>
    </row>
    <row r="246" spans="15:15">
      <c r="O246" s="66"/>
    </row>
    <row r="247" spans="15:15">
      <c r="O247" s="66"/>
    </row>
    <row r="248" spans="15:15">
      <c r="O248" s="66"/>
    </row>
    <row r="249" spans="15:15">
      <c r="O249" s="66"/>
    </row>
    <row r="250" spans="15:15">
      <c r="O250" s="66"/>
    </row>
  </sheetData>
  <mergeCells count="3">
    <mergeCell ref="B37:P37"/>
    <mergeCell ref="B38:P38"/>
    <mergeCell ref="B39:P39"/>
  </mergeCells>
  <pageMargins left="0.7" right="0.7" top="0.75" bottom="0.75" header="0.3" footer="0.3"/>
  <pageSetup scale="85" orientation="landscape" r:id="rId1"/>
  <ignoredErrors>
    <ignoredError sqref="A37:A39" numberStoredAsText="1"/>
  </ignoredError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7001E-EE4F-4247-992A-B6D4ED37BA0C}">
  <dimension ref="A1:P42"/>
  <sheetViews>
    <sheetView showGridLines="0" view="pageBreakPreview" topLeftCell="A21" zoomScaleNormal="100" zoomScaleSheetLayoutView="100" workbookViewId="0">
      <selection activeCell="B37" sqref="B37:G37"/>
    </sheetView>
  </sheetViews>
  <sheetFormatPr defaultColWidth="8.6640625" defaultRowHeight="13.2"/>
  <cols>
    <col min="1" max="2" width="2.33203125" style="179" customWidth="1"/>
    <col min="3" max="3" width="26.33203125" style="179" customWidth="1"/>
    <col min="4" max="8" width="8.5546875" style="179" customWidth="1"/>
    <col min="9" max="15" width="7.6640625" style="179" customWidth="1"/>
    <col min="16" max="16" width="7.44140625" style="179" bestFit="1" customWidth="1"/>
    <col min="17" max="16384" width="8.6640625" style="179"/>
  </cols>
  <sheetData>
    <row r="1" spans="1:16" ht="16.350000000000001" customHeight="1">
      <c r="A1" s="188" t="s">
        <v>324</v>
      </c>
      <c r="B1" s="189"/>
      <c r="C1" s="188"/>
      <c r="D1" s="190"/>
      <c r="E1" s="190"/>
      <c r="F1" s="178"/>
      <c r="G1" s="178"/>
      <c r="H1" s="178"/>
      <c r="I1" s="178"/>
      <c r="J1" s="178"/>
      <c r="K1" s="178"/>
      <c r="L1" s="178"/>
      <c r="M1" s="178"/>
      <c r="N1" s="178"/>
      <c r="O1" s="178"/>
    </row>
    <row r="2" spans="1:16" ht="12.45" customHeight="1">
      <c r="A2" s="191"/>
      <c r="B2" s="191"/>
      <c r="C2" s="191"/>
      <c r="D2" s="289" t="s">
        <v>226</v>
      </c>
      <c r="E2" s="289" t="s">
        <v>227</v>
      </c>
      <c r="F2" s="289" t="s">
        <v>228</v>
      </c>
      <c r="G2" s="289" t="s">
        <v>229</v>
      </c>
      <c r="H2" s="289" t="s">
        <v>230</v>
      </c>
      <c r="I2" s="289" t="s">
        <v>231</v>
      </c>
      <c r="J2" s="289" t="s">
        <v>232</v>
      </c>
      <c r="K2" s="289" t="s">
        <v>233</v>
      </c>
      <c r="L2" s="289" t="s">
        <v>10</v>
      </c>
      <c r="M2" s="289" t="s">
        <v>235</v>
      </c>
      <c r="N2" s="289" t="s">
        <v>236</v>
      </c>
      <c r="O2" s="292" t="s">
        <v>237</v>
      </c>
      <c r="P2" s="295" t="s">
        <v>14</v>
      </c>
    </row>
    <row r="3" spans="1:16" ht="12.75" customHeight="1">
      <c r="A3" s="178"/>
      <c r="B3" s="178"/>
      <c r="C3" s="178"/>
      <c r="D3" s="290"/>
      <c r="E3" s="290"/>
      <c r="F3" s="290"/>
      <c r="G3" s="290"/>
      <c r="H3" s="290"/>
      <c r="I3" s="290"/>
      <c r="J3" s="290"/>
      <c r="K3" s="290"/>
      <c r="L3" s="290"/>
      <c r="M3" s="290"/>
      <c r="N3" s="290"/>
      <c r="O3" s="293"/>
      <c r="P3" s="296"/>
    </row>
    <row r="4" spans="1:16" ht="9.75" customHeight="1">
      <c r="A4" s="190"/>
      <c r="B4" s="190"/>
      <c r="C4" s="190"/>
      <c r="D4" s="291"/>
      <c r="E4" s="291"/>
      <c r="F4" s="291"/>
      <c r="G4" s="291"/>
      <c r="H4" s="291"/>
      <c r="I4" s="291"/>
      <c r="J4" s="291"/>
      <c r="K4" s="291"/>
      <c r="L4" s="291"/>
      <c r="M4" s="291"/>
      <c r="N4" s="291"/>
      <c r="O4" s="294"/>
      <c r="P4" s="297"/>
    </row>
    <row r="5" spans="1:16">
      <c r="A5" s="48" t="s">
        <v>325</v>
      </c>
      <c r="B5" s="48"/>
      <c r="C5" s="48"/>
      <c r="D5" s="66"/>
      <c r="E5" s="66"/>
      <c r="F5" s="66"/>
      <c r="G5" s="66"/>
      <c r="H5" s="66"/>
      <c r="I5" s="66"/>
      <c r="J5" s="66"/>
      <c r="K5" s="66"/>
      <c r="L5" s="66"/>
      <c r="M5" s="66"/>
      <c r="N5" s="66"/>
      <c r="O5" s="187"/>
      <c r="P5" s="17" t="s">
        <v>15</v>
      </c>
    </row>
    <row r="6" spans="1:16" ht="11.1" customHeight="1">
      <c r="A6" s="48"/>
      <c r="B6" s="48" t="s">
        <v>326</v>
      </c>
      <c r="C6" s="48"/>
      <c r="D6" s="192">
        <v>105.43057365746775</v>
      </c>
      <c r="E6" s="192">
        <v>108.94453419493809</v>
      </c>
      <c r="F6" s="192">
        <v>107.39217259212479</v>
      </c>
      <c r="G6" s="192">
        <v>107.13394411059664</v>
      </c>
      <c r="H6" s="192">
        <v>100.0136719936805</v>
      </c>
      <c r="I6" s="192">
        <v>94.812402330913812</v>
      </c>
      <c r="J6" s="192">
        <v>89.67589319701996</v>
      </c>
      <c r="K6" s="192">
        <v>95.852981416787316</v>
      </c>
      <c r="L6" s="192">
        <v>115.23755341809667</v>
      </c>
      <c r="M6" s="192">
        <v>104.41542288557213</v>
      </c>
      <c r="N6" s="192">
        <v>90.664719069210719</v>
      </c>
      <c r="O6" s="193">
        <v>113.39362027667275</v>
      </c>
      <c r="P6" s="21">
        <v>0.66412710315766343</v>
      </c>
    </row>
    <row r="7" spans="1:16" ht="11.1" customHeight="1">
      <c r="A7" s="48"/>
      <c r="B7" s="48" t="s">
        <v>327</v>
      </c>
      <c r="C7" s="48"/>
      <c r="D7" s="192">
        <v>95.266847975248879</v>
      </c>
      <c r="E7" s="192">
        <v>97.683269111840545</v>
      </c>
      <c r="F7" s="192">
        <v>94.998298741068382</v>
      </c>
      <c r="G7" s="192">
        <v>92.621742335544852</v>
      </c>
      <c r="H7" s="192">
        <v>82.634408602150529</v>
      </c>
      <c r="I7" s="192">
        <v>82.61091956200508</v>
      </c>
      <c r="J7" s="192">
        <v>75.271149674620389</v>
      </c>
      <c r="K7" s="192">
        <v>80.557975812916041</v>
      </c>
      <c r="L7" s="192">
        <v>101.4000848536275</v>
      </c>
      <c r="M7" s="192">
        <v>90.893317975709692</v>
      </c>
      <c r="N7" s="192">
        <v>74.325783431585478</v>
      </c>
      <c r="O7" s="193">
        <v>97.870020637825633</v>
      </c>
      <c r="P7" s="21">
        <v>0.24537690585941796</v>
      </c>
    </row>
    <row r="8" spans="1:16">
      <c r="A8" s="48" t="s">
        <v>328</v>
      </c>
      <c r="B8" s="48"/>
      <c r="C8" s="48"/>
      <c r="D8" s="194"/>
      <c r="E8" s="194"/>
      <c r="F8" s="194"/>
      <c r="G8" s="194"/>
      <c r="H8" s="194"/>
      <c r="I8" s="194"/>
      <c r="J8" s="194"/>
      <c r="K8" s="194"/>
      <c r="L8" s="194"/>
      <c r="M8" s="194"/>
      <c r="N8" s="194"/>
      <c r="O8" s="195"/>
      <c r="P8" s="21"/>
    </row>
    <row r="9" spans="1:16" ht="11.1" customHeight="1">
      <c r="A9" s="48"/>
      <c r="B9" s="48" t="s">
        <v>329</v>
      </c>
      <c r="C9" s="48"/>
      <c r="D9" s="196">
        <v>12211.252747291213</v>
      </c>
      <c r="E9" s="196">
        <v>13094.659416523567</v>
      </c>
      <c r="F9" s="196">
        <v>13351.183007755018</v>
      </c>
      <c r="G9" s="196">
        <v>13692.452709826017</v>
      </c>
      <c r="H9" s="196">
        <v>13543.171546359603</v>
      </c>
      <c r="I9" s="196">
        <v>13156.94006852577</v>
      </c>
      <c r="J9" s="196">
        <v>13137.27860642317</v>
      </c>
      <c r="K9" s="196">
        <v>14118.702678251042</v>
      </c>
      <c r="L9" s="196">
        <v>16827.337797311142</v>
      </c>
      <c r="M9" s="196">
        <v>17346.81675600024</v>
      </c>
      <c r="N9" s="196">
        <v>16686.941917194832</v>
      </c>
      <c r="O9" s="197">
        <v>19471.235164693397</v>
      </c>
      <c r="P9" s="21">
        <v>4.3328827950996684</v>
      </c>
    </row>
    <row r="10" spans="1:16" ht="11.1" customHeight="1">
      <c r="A10" s="48"/>
      <c r="B10" s="48" t="s">
        <v>330</v>
      </c>
      <c r="C10" s="48"/>
      <c r="D10" s="196">
        <v>8353.3404829631854</v>
      </c>
      <c r="E10" s="196">
        <v>8860.5188887975528</v>
      </c>
      <c r="F10" s="196">
        <v>8886.6424724218086</v>
      </c>
      <c r="G10" s="196">
        <v>8964.2746825498089</v>
      </c>
      <c r="H10" s="196">
        <v>8536.6598721444952</v>
      </c>
      <c r="I10" s="198">
        <v>8837.7006048799794</v>
      </c>
      <c r="J10" s="198">
        <v>8500.5334617013923</v>
      </c>
      <c r="K10" s="196">
        <v>9044.9620447730413</v>
      </c>
      <c r="L10" s="196">
        <v>11543.437811588297</v>
      </c>
      <c r="M10" s="196">
        <v>11927.491048307094</v>
      </c>
      <c r="N10" s="196">
        <v>11180.885852953279</v>
      </c>
      <c r="O10" s="197">
        <v>13662.225474011386</v>
      </c>
      <c r="P10" s="21">
        <v>4.5740074782945728</v>
      </c>
    </row>
    <row r="11" spans="1:16">
      <c r="A11" s="48" t="s">
        <v>331</v>
      </c>
      <c r="B11" s="48"/>
      <c r="C11" s="48"/>
      <c r="D11" s="194"/>
      <c r="E11" s="194"/>
      <c r="F11" s="194"/>
      <c r="G11" s="194"/>
      <c r="H11" s="194"/>
      <c r="I11" s="194"/>
      <c r="J11" s="194"/>
      <c r="K11" s="194"/>
      <c r="L11" s="194"/>
      <c r="M11" s="194"/>
      <c r="N11" s="194"/>
      <c r="O11" s="195"/>
      <c r="P11" s="21"/>
    </row>
    <row r="12" spans="1:16" ht="11.1" customHeight="1">
      <c r="A12" s="48"/>
      <c r="B12" s="48" t="s">
        <v>332</v>
      </c>
      <c r="C12" s="48"/>
      <c r="D12" s="199">
        <v>24.992835649806562</v>
      </c>
      <c r="E12" s="199">
        <v>26.276187218862155</v>
      </c>
      <c r="F12" s="199">
        <v>25.800419892402569</v>
      </c>
      <c r="G12" s="199">
        <v>26.018805027433967</v>
      </c>
      <c r="H12" s="199">
        <v>24.946573100124283</v>
      </c>
      <c r="I12" s="199">
        <v>22.997842590591709</v>
      </c>
      <c r="J12" s="199">
        <v>22.180152794964222</v>
      </c>
      <c r="K12" s="199">
        <v>23.353603479690481</v>
      </c>
      <c r="L12" s="199">
        <v>28.333311646910335</v>
      </c>
      <c r="M12" s="199">
        <v>25.472485299364777</v>
      </c>
      <c r="N12" s="199">
        <v>22.61553837784497</v>
      </c>
      <c r="O12" s="200">
        <v>26.334999437365063</v>
      </c>
      <c r="P12" s="21">
        <v>0.476674511684827</v>
      </c>
    </row>
    <row r="13" spans="1:16" ht="11.1" customHeight="1">
      <c r="A13" s="48"/>
      <c r="B13" s="48" t="s">
        <v>333</v>
      </c>
      <c r="C13" s="48"/>
      <c r="D13" s="199">
        <v>17.096826192864306</v>
      </c>
      <c r="E13" s="199">
        <v>17.779817387577332</v>
      </c>
      <c r="F13" s="199">
        <v>17.172943183309279</v>
      </c>
      <c r="G13" s="199">
        <v>17.034180808983031</v>
      </c>
      <c r="H13" s="199">
        <v>15.724559701718754</v>
      </c>
      <c r="I13" s="199">
        <v>15.447972424836069</v>
      </c>
      <c r="J13" s="199">
        <v>14.35176467423468</v>
      </c>
      <c r="K13" s="199">
        <v>14.961180350363923</v>
      </c>
      <c r="L13" s="199">
        <v>19.436456611973508</v>
      </c>
      <c r="M13" s="199">
        <v>17.514616350646321</v>
      </c>
      <c r="N13" s="199">
        <v>15.153271004390016</v>
      </c>
      <c r="O13" s="200">
        <v>18.478267923323596</v>
      </c>
      <c r="P13" s="21">
        <v>0.70888707651626248</v>
      </c>
    </row>
    <row r="14" spans="1:16">
      <c r="A14" s="48" t="s">
        <v>334</v>
      </c>
      <c r="B14" s="48"/>
      <c r="C14" s="48"/>
      <c r="D14" s="194"/>
      <c r="E14" s="194"/>
      <c r="F14" s="194"/>
      <c r="G14" s="194"/>
      <c r="H14" s="194"/>
      <c r="I14" s="194"/>
      <c r="J14" s="194"/>
      <c r="K14" s="194"/>
      <c r="L14" s="194"/>
      <c r="M14" s="194"/>
      <c r="N14" s="194"/>
      <c r="O14" s="195"/>
      <c r="P14" s="21"/>
    </row>
    <row r="15" spans="1:16" ht="11.1" customHeight="1">
      <c r="A15" s="48"/>
      <c r="B15" s="48" t="s">
        <v>332</v>
      </c>
      <c r="C15" s="48"/>
      <c r="D15" s="192">
        <v>4.4181258381972386</v>
      </c>
      <c r="E15" s="192">
        <v>4.3870041285227073</v>
      </c>
      <c r="F15" s="192">
        <v>4.3096827049446143</v>
      </c>
      <c r="G15" s="192">
        <v>4.7926312678553833</v>
      </c>
      <c r="H15" s="192">
        <v>3.8296773409491407</v>
      </c>
      <c r="I15" s="201">
        <v>4.0294431219056248</v>
      </c>
      <c r="J15" s="201">
        <v>3.7875904073087172</v>
      </c>
      <c r="K15" s="192">
        <v>3.8149382994832828</v>
      </c>
      <c r="L15" s="192">
        <v>3.7270285646243204</v>
      </c>
      <c r="M15" s="192">
        <v>3.2798968122351209</v>
      </c>
      <c r="N15" s="192">
        <v>3.1607883712201899</v>
      </c>
      <c r="O15" s="193">
        <v>3.7121843640853025</v>
      </c>
      <c r="P15" s="21">
        <v>-1.5702241794816829</v>
      </c>
    </row>
    <row r="16" spans="1:16" ht="11.1" customHeight="1">
      <c r="A16" s="48"/>
      <c r="B16" s="48" t="s">
        <v>327</v>
      </c>
      <c r="C16" s="48"/>
      <c r="D16" s="192">
        <v>3.9921155717458023</v>
      </c>
      <c r="E16" s="192">
        <v>3.7652823367109081</v>
      </c>
      <c r="F16" s="192">
        <v>3.7450379947828099</v>
      </c>
      <c r="G16" s="192">
        <v>4.1888903343306882</v>
      </c>
      <c r="H16" s="192">
        <v>3.2735961768219837</v>
      </c>
      <c r="I16" s="201">
        <v>3.2679119463494111</v>
      </c>
      <c r="J16" s="201">
        <v>3.1620901892316104</v>
      </c>
      <c r="K16" s="192">
        <v>3.148851636287596</v>
      </c>
      <c r="L16" s="192">
        <v>3.1090369113279595</v>
      </c>
      <c r="M16" s="192">
        <v>2.7643722571332763</v>
      </c>
      <c r="N16" s="192">
        <v>2.5218740304064537</v>
      </c>
      <c r="O16" s="193">
        <v>3.1748504082135947</v>
      </c>
      <c r="P16" s="21">
        <v>-2.0608392202580261</v>
      </c>
    </row>
    <row r="17" spans="1:16">
      <c r="A17" s="48" t="s">
        <v>335</v>
      </c>
      <c r="B17" s="48"/>
      <c r="C17" s="48"/>
      <c r="D17" s="194"/>
      <c r="E17" s="194"/>
      <c r="F17" s="194"/>
      <c r="G17" s="194"/>
      <c r="H17" s="194"/>
      <c r="I17" s="194"/>
      <c r="J17" s="194"/>
      <c r="K17" s="194"/>
      <c r="L17" s="194"/>
      <c r="M17" s="194"/>
      <c r="N17" s="194"/>
      <c r="O17" s="195"/>
      <c r="P17" s="21"/>
    </row>
    <row r="18" spans="1:16" ht="11.1" customHeight="1">
      <c r="A18" s="48"/>
      <c r="B18" s="48" t="s">
        <v>336</v>
      </c>
      <c r="C18" s="48"/>
      <c r="D18" s="196">
        <v>2339</v>
      </c>
      <c r="E18" s="196">
        <v>2444</v>
      </c>
      <c r="F18" s="196">
        <v>2525</v>
      </c>
      <c r="G18" s="196">
        <v>2919</v>
      </c>
      <c r="H18" s="196">
        <v>2521</v>
      </c>
      <c r="I18" s="196">
        <v>2759</v>
      </c>
      <c r="J18" s="196">
        <v>2786</v>
      </c>
      <c r="K18" s="196">
        <v>2872</v>
      </c>
      <c r="L18" s="196">
        <v>2817</v>
      </c>
      <c r="M18" s="196">
        <v>2848</v>
      </c>
      <c r="N18" s="196">
        <v>3116</v>
      </c>
      <c r="O18" s="197">
        <v>3518</v>
      </c>
      <c r="P18" s="21">
        <v>3.7803320139486285</v>
      </c>
    </row>
    <row r="19" spans="1:16" ht="11.1" customHeight="1">
      <c r="A19" s="48"/>
      <c r="B19" s="48" t="s">
        <v>337</v>
      </c>
      <c r="C19" s="48"/>
      <c r="D19" s="196">
        <v>1600</v>
      </c>
      <c r="E19" s="196">
        <v>1583</v>
      </c>
      <c r="F19" s="196">
        <v>1651</v>
      </c>
      <c r="G19" s="196">
        <v>1932</v>
      </c>
      <c r="H19" s="196">
        <v>1644</v>
      </c>
      <c r="I19" s="196">
        <v>1725</v>
      </c>
      <c r="J19" s="196">
        <v>1793</v>
      </c>
      <c r="K19" s="196">
        <v>1807</v>
      </c>
      <c r="L19" s="196">
        <v>1832</v>
      </c>
      <c r="M19" s="196">
        <v>1896</v>
      </c>
      <c r="N19" s="196">
        <v>2032</v>
      </c>
      <c r="O19" s="197">
        <v>2446</v>
      </c>
      <c r="P19" s="21">
        <v>3.9340524257710952</v>
      </c>
    </row>
    <row r="20" spans="1:16">
      <c r="A20" s="48" t="s">
        <v>338</v>
      </c>
      <c r="B20" s="48"/>
      <c r="C20" s="48"/>
      <c r="D20" s="194"/>
      <c r="E20" s="194"/>
      <c r="F20" s="194"/>
      <c r="G20" s="194"/>
      <c r="H20" s="194"/>
      <c r="I20" s="194"/>
      <c r="J20" s="194"/>
      <c r="K20" s="194"/>
      <c r="L20" s="194"/>
      <c r="M20" s="194"/>
      <c r="N20" s="194"/>
      <c r="O20" s="195"/>
      <c r="P20" s="21"/>
    </row>
    <row r="21" spans="1:16" ht="10.35" customHeight="1">
      <c r="A21" s="48"/>
      <c r="B21" s="48" t="s">
        <v>339</v>
      </c>
      <c r="C21" s="48"/>
      <c r="D21" s="163">
        <v>4.3931302425831609</v>
      </c>
      <c r="E21" s="163">
        <v>3.9949526813880127</v>
      </c>
      <c r="F21" s="163">
        <v>3.9808072527366547</v>
      </c>
      <c r="G21" s="163">
        <v>4.5674298750576252</v>
      </c>
      <c r="H21" s="163">
        <v>3.9041535063763093</v>
      </c>
      <c r="I21" s="163">
        <v>4.0537682419570888</v>
      </c>
      <c r="J21" s="163">
        <v>4.1558501761542743</v>
      </c>
      <c r="K21" s="163">
        <v>4.0647846136542567</v>
      </c>
      <c r="L21" s="163">
        <v>3.4572887081402923</v>
      </c>
      <c r="M21" s="163">
        <v>3.1058800402978108</v>
      </c>
      <c r="N21" s="163">
        <v>3.3249065279107253</v>
      </c>
      <c r="O21" s="193">
        <v>3.6159361371867837</v>
      </c>
      <c r="P21" s="21">
        <v>-1.7543491944029821</v>
      </c>
    </row>
    <row r="22" spans="1:16" ht="3" customHeight="1">
      <c r="A22" s="48"/>
      <c r="B22" s="48"/>
      <c r="C22" s="48"/>
      <c r="D22" s="194"/>
      <c r="E22" s="194"/>
      <c r="F22" s="194"/>
      <c r="G22" s="194"/>
      <c r="H22" s="194"/>
      <c r="I22" s="194"/>
      <c r="J22" s="194"/>
      <c r="K22" s="194"/>
      <c r="L22" s="194"/>
      <c r="M22" s="194"/>
      <c r="N22" s="194"/>
      <c r="O22" s="195"/>
    </row>
    <row r="23" spans="1:16">
      <c r="A23" s="48" t="s">
        <v>340</v>
      </c>
      <c r="B23" s="48"/>
      <c r="C23" s="48"/>
      <c r="D23" s="194"/>
      <c r="E23" s="194"/>
      <c r="F23" s="194"/>
      <c r="G23" s="194"/>
      <c r="H23" s="194"/>
      <c r="I23" s="194"/>
      <c r="J23" s="194"/>
      <c r="K23" s="194"/>
      <c r="L23" s="194"/>
      <c r="M23" s="194"/>
      <c r="N23" s="194"/>
      <c r="O23" s="195"/>
    </row>
    <row r="24" spans="1:16" ht="13.35" customHeight="1">
      <c r="A24" s="48"/>
      <c r="B24" s="48" t="s">
        <v>341</v>
      </c>
      <c r="C24" s="48"/>
      <c r="D24" s="196">
        <v>52941</v>
      </c>
      <c r="E24" s="196">
        <v>55710</v>
      </c>
      <c r="F24" s="196">
        <v>58589</v>
      </c>
      <c r="G24" s="196">
        <v>60906</v>
      </c>
      <c r="H24" s="196">
        <v>65828</v>
      </c>
      <c r="I24" s="196">
        <v>68471</v>
      </c>
      <c r="J24" s="196">
        <v>73556</v>
      </c>
      <c r="K24" s="196">
        <v>75283</v>
      </c>
      <c r="L24" s="196">
        <v>75583</v>
      </c>
      <c r="M24" s="196">
        <v>86832</v>
      </c>
      <c r="N24" s="196">
        <v>98583</v>
      </c>
      <c r="O24" s="197">
        <v>94769</v>
      </c>
      <c r="P24" s="21">
        <v>5.4359122011887751</v>
      </c>
    </row>
    <row r="25" spans="1:16" ht="13.35" customHeight="1">
      <c r="A25" s="48"/>
      <c r="B25" s="48" t="s">
        <v>342</v>
      </c>
      <c r="C25" s="48"/>
      <c r="D25" s="196">
        <v>40079</v>
      </c>
      <c r="E25" s="196">
        <v>42042</v>
      </c>
      <c r="F25" s="196">
        <v>44085</v>
      </c>
      <c r="G25" s="196">
        <v>46122</v>
      </c>
      <c r="H25" s="196">
        <v>50220</v>
      </c>
      <c r="I25" s="196">
        <v>52786</v>
      </c>
      <c r="J25" s="196">
        <v>56703</v>
      </c>
      <c r="K25" s="196">
        <v>57386</v>
      </c>
      <c r="L25" s="196">
        <v>58925</v>
      </c>
      <c r="M25" s="196">
        <v>68587</v>
      </c>
      <c r="N25" s="196">
        <v>80575</v>
      </c>
      <c r="O25" s="197">
        <v>77043</v>
      </c>
      <c r="P25" s="21">
        <v>6.1210363641068799</v>
      </c>
    </row>
    <row r="26" spans="1:16">
      <c r="A26" s="48" t="s">
        <v>343</v>
      </c>
      <c r="B26" s="48"/>
      <c r="C26" s="48"/>
      <c r="D26" s="202"/>
      <c r="E26" s="202"/>
      <c r="F26" s="202"/>
      <c r="G26" s="202"/>
      <c r="H26" s="202"/>
      <c r="I26" s="202"/>
      <c r="J26" s="202"/>
      <c r="K26" s="202"/>
      <c r="L26" s="202"/>
      <c r="M26" s="202"/>
      <c r="N26" s="202"/>
      <c r="O26" s="203"/>
      <c r="P26" s="21"/>
    </row>
    <row r="27" spans="1:16" ht="13.35" customHeight="1">
      <c r="A27" s="48"/>
      <c r="B27" s="48" t="s">
        <v>344</v>
      </c>
      <c r="C27" s="48"/>
      <c r="D27" s="196">
        <v>55816</v>
      </c>
      <c r="E27" s="196">
        <v>60693</v>
      </c>
      <c r="F27" s="196">
        <v>62920</v>
      </c>
      <c r="G27" s="196">
        <v>65251</v>
      </c>
      <c r="H27" s="196">
        <v>65837</v>
      </c>
      <c r="I27" s="198">
        <v>64919</v>
      </c>
      <c r="J27" s="198">
        <v>65962</v>
      </c>
      <c r="K27" s="196">
        <v>72161</v>
      </c>
      <c r="L27" s="196">
        <v>87100</v>
      </c>
      <c r="M27" s="196">
        <v>90666</v>
      </c>
      <c r="N27" s="196">
        <v>89380</v>
      </c>
      <c r="O27" s="197">
        <v>107462</v>
      </c>
      <c r="P27" s="21">
        <v>6.1361406705783939</v>
      </c>
    </row>
    <row r="28" spans="1:16" ht="13.35" customHeight="1">
      <c r="A28" s="48"/>
      <c r="B28" s="48" t="s">
        <v>345</v>
      </c>
      <c r="C28" s="48"/>
      <c r="D28" s="196">
        <v>38182</v>
      </c>
      <c r="E28" s="196">
        <v>41068</v>
      </c>
      <c r="F28" s="196">
        <v>41880</v>
      </c>
      <c r="G28" s="196">
        <v>42719</v>
      </c>
      <c r="H28" s="196">
        <v>41499</v>
      </c>
      <c r="I28" s="198">
        <v>43607</v>
      </c>
      <c r="J28" s="198">
        <v>42681</v>
      </c>
      <c r="K28" s="196">
        <v>46229</v>
      </c>
      <c r="L28" s="196">
        <v>59750</v>
      </c>
      <c r="M28" s="196">
        <v>62341</v>
      </c>
      <c r="N28" s="196">
        <v>59888</v>
      </c>
      <c r="O28" s="197">
        <v>75402</v>
      </c>
      <c r="P28" s="21">
        <v>6.3814328796030662</v>
      </c>
    </row>
    <row r="29" spans="1:16" ht="13.35" customHeight="1">
      <c r="A29" s="48" t="s">
        <v>346</v>
      </c>
      <c r="B29" s="48"/>
      <c r="C29" s="48"/>
      <c r="D29" s="196">
        <v>223328</v>
      </c>
      <c r="E29" s="196">
        <v>230981</v>
      </c>
      <c r="F29" s="196">
        <v>243872</v>
      </c>
      <c r="G29" s="196">
        <v>250784</v>
      </c>
      <c r="H29" s="196">
        <v>263912</v>
      </c>
      <c r="I29" s="196">
        <v>282283</v>
      </c>
      <c r="J29" s="196">
        <v>297392</v>
      </c>
      <c r="K29" s="196">
        <v>308993</v>
      </c>
      <c r="L29" s="196">
        <v>307412</v>
      </c>
      <c r="M29" s="204">
        <v>355937</v>
      </c>
      <c r="N29" s="204">
        <v>395215</v>
      </c>
      <c r="O29" s="197">
        <v>408057.72658392001</v>
      </c>
      <c r="P29" s="21">
        <v>5.6326169097439704</v>
      </c>
    </row>
    <row r="30" spans="1:16" ht="13.35" customHeight="1">
      <c r="A30" s="48" t="s">
        <v>347</v>
      </c>
      <c r="B30" s="48"/>
      <c r="C30" s="48"/>
      <c r="D30" s="196">
        <v>4570.866</v>
      </c>
      <c r="E30" s="196">
        <v>4634.9430000000002</v>
      </c>
      <c r="F30" s="196">
        <v>4712.6909999999998</v>
      </c>
      <c r="G30" s="196">
        <v>4765.4719999999998</v>
      </c>
      <c r="H30" s="196">
        <v>4861.2690000000002</v>
      </c>
      <c r="I30" s="196">
        <v>4934.2020000000002</v>
      </c>
      <c r="J30" s="196">
        <v>5020.9790000000003</v>
      </c>
      <c r="K30" s="196">
        <v>5111.0219999999999</v>
      </c>
      <c r="L30" s="196">
        <v>5176.1009999999997</v>
      </c>
      <c r="M30" s="196">
        <v>5226.665</v>
      </c>
      <c r="N30" s="196">
        <v>5356.2839999999997</v>
      </c>
      <c r="O30" s="197">
        <v>5519.0129999999999</v>
      </c>
      <c r="P30" s="21">
        <v>1.7283696445157926</v>
      </c>
    </row>
    <row r="31" spans="1:16" ht="2.7" customHeight="1">
      <c r="A31" s="58"/>
      <c r="B31" s="205"/>
      <c r="C31" s="58"/>
      <c r="D31" s="206"/>
      <c r="E31" s="206"/>
      <c r="F31" s="206"/>
      <c r="G31" s="206"/>
      <c r="H31" s="206"/>
      <c r="I31" s="206"/>
      <c r="J31" s="206"/>
      <c r="K31" s="206"/>
      <c r="L31" s="206"/>
      <c r="M31" s="206"/>
      <c r="N31" s="206"/>
      <c r="O31" s="207"/>
      <c r="P31" s="205"/>
    </row>
    <row r="32" spans="1:16" ht="2.25" customHeight="1">
      <c r="A32" s="178"/>
      <c r="B32" s="178"/>
      <c r="C32" s="178"/>
      <c r="D32" s="178"/>
      <c r="E32" s="178"/>
      <c r="F32" s="178"/>
      <c r="G32" s="178"/>
      <c r="H32" s="178"/>
      <c r="I32" s="178"/>
      <c r="J32" s="178"/>
      <c r="K32" s="178"/>
      <c r="L32" s="178"/>
      <c r="M32" s="178"/>
      <c r="N32" s="178"/>
      <c r="O32" s="178"/>
    </row>
    <row r="33" spans="1:16" ht="11.1" customHeight="1">
      <c r="A33" s="122">
        <v>1</v>
      </c>
      <c r="B33" s="286" t="s">
        <v>523</v>
      </c>
      <c r="C33" s="286"/>
      <c r="D33" s="286"/>
      <c r="E33" s="286"/>
      <c r="F33" s="286"/>
      <c r="G33" s="286"/>
      <c r="H33" s="286"/>
      <c r="I33" s="286"/>
      <c r="J33" s="286"/>
      <c r="K33" s="286"/>
      <c r="L33" s="286"/>
      <c r="M33" s="124"/>
      <c r="N33" s="124"/>
      <c r="O33" s="124"/>
      <c r="P33" s="121"/>
    </row>
    <row r="34" spans="1:16" ht="11.1" customHeight="1">
      <c r="A34" s="122">
        <v>2</v>
      </c>
      <c r="B34" s="286" t="s">
        <v>524</v>
      </c>
      <c r="C34" s="286"/>
      <c r="D34" s="286"/>
      <c r="E34" s="286"/>
      <c r="F34" s="286"/>
      <c r="G34" s="286"/>
      <c r="H34" s="124"/>
      <c r="I34" s="124"/>
      <c r="J34" s="124"/>
      <c r="K34" s="124"/>
      <c r="L34" s="124"/>
      <c r="M34" s="124"/>
      <c r="N34" s="124"/>
      <c r="O34" s="124"/>
      <c r="P34" s="121"/>
    </row>
    <row r="35" spans="1:16" ht="18.899999999999999" customHeight="1">
      <c r="A35" s="122">
        <v>3</v>
      </c>
      <c r="B35" s="286" t="s">
        <v>525</v>
      </c>
      <c r="C35" s="286"/>
      <c r="D35" s="286"/>
      <c r="E35" s="286"/>
      <c r="F35" s="286"/>
      <c r="G35" s="286"/>
      <c r="H35" s="286"/>
      <c r="I35" s="286"/>
      <c r="J35" s="286"/>
      <c r="K35" s="286"/>
      <c r="L35" s="286"/>
      <c r="M35" s="286"/>
      <c r="N35" s="286"/>
      <c r="O35" s="286"/>
      <c r="P35" s="286"/>
    </row>
    <row r="36" spans="1:16" ht="11.1" customHeight="1">
      <c r="A36" s="122">
        <v>4</v>
      </c>
      <c r="B36" s="286" t="s">
        <v>348</v>
      </c>
      <c r="C36" s="286"/>
      <c r="D36" s="286"/>
      <c r="E36" s="286"/>
      <c r="F36" s="286"/>
      <c r="G36" s="286"/>
      <c r="H36" s="286"/>
      <c r="I36" s="286"/>
      <c r="J36" s="286"/>
      <c r="K36" s="286"/>
      <c r="L36" s="286"/>
      <c r="M36" s="286"/>
      <c r="N36" s="286"/>
      <c r="O36" s="286"/>
      <c r="P36" s="286"/>
    </row>
    <row r="37" spans="1:16" ht="11.1" customHeight="1">
      <c r="A37" s="122">
        <v>5</v>
      </c>
      <c r="B37" s="286" t="s">
        <v>349</v>
      </c>
      <c r="C37" s="286"/>
      <c r="D37" s="286"/>
      <c r="E37" s="286"/>
      <c r="F37" s="286"/>
      <c r="G37" s="286"/>
      <c r="H37" s="124"/>
      <c r="I37" s="121"/>
      <c r="J37" s="121"/>
      <c r="K37" s="121"/>
      <c r="L37" s="121"/>
      <c r="M37" s="121"/>
      <c r="N37" s="121"/>
      <c r="O37" s="121"/>
      <c r="P37" s="121"/>
    </row>
    <row r="38" spans="1:16" ht="11.1" customHeight="1">
      <c r="A38" s="122">
        <v>6</v>
      </c>
      <c r="B38" s="286" t="s">
        <v>350</v>
      </c>
      <c r="C38" s="286"/>
      <c r="D38" s="286"/>
      <c r="E38" s="286"/>
      <c r="F38" s="286"/>
      <c r="G38" s="286"/>
      <c r="H38" s="286"/>
      <c r="I38" s="286"/>
      <c r="J38" s="286"/>
      <c r="K38" s="286"/>
      <c r="L38" s="121"/>
      <c r="M38" s="121"/>
      <c r="N38" s="121"/>
      <c r="O38" s="121"/>
      <c r="P38" s="121"/>
    </row>
    <row r="39" spans="1:16" ht="11.1" customHeight="1">
      <c r="A39" s="122">
        <v>7</v>
      </c>
      <c r="B39" s="286" t="s">
        <v>351</v>
      </c>
      <c r="C39" s="286"/>
      <c r="D39" s="286"/>
      <c r="E39" s="286"/>
      <c r="F39" s="286"/>
      <c r="G39" s="286"/>
      <c r="H39" s="286"/>
      <c r="I39" s="286"/>
      <c r="J39" s="124"/>
      <c r="K39" s="124"/>
      <c r="L39" s="124"/>
      <c r="M39" s="124"/>
      <c r="N39" s="124"/>
      <c r="O39" s="124"/>
      <c r="P39" s="121"/>
    </row>
    <row r="40" spans="1:16" ht="11.1" customHeight="1">
      <c r="A40" s="122">
        <v>8</v>
      </c>
      <c r="B40" s="286" t="s">
        <v>352</v>
      </c>
      <c r="C40" s="286"/>
      <c r="D40" s="286"/>
      <c r="E40" s="286"/>
      <c r="F40" s="286"/>
      <c r="G40" s="286"/>
      <c r="H40" s="286"/>
      <c r="I40" s="286"/>
      <c r="J40" s="124"/>
      <c r="K40" s="124"/>
      <c r="L40" s="124"/>
      <c r="M40" s="124"/>
      <c r="N40" s="124"/>
      <c r="O40" s="124"/>
      <c r="P40" s="121"/>
    </row>
    <row r="41" spans="1:16" ht="20.25" customHeight="1">
      <c r="A41" s="122">
        <v>9</v>
      </c>
      <c r="B41" s="286" t="s">
        <v>526</v>
      </c>
      <c r="C41" s="286"/>
      <c r="D41" s="286"/>
      <c r="E41" s="286"/>
      <c r="F41" s="286"/>
      <c r="G41" s="286"/>
      <c r="H41" s="286"/>
      <c r="I41" s="286"/>
      <c r="J41" s="286"/>
      <c r="K41" s="286"/>
      <c r="L41" s="286"/>
      <c r="M41" s="286"/>
      <c r="N41" s="286"/>
      <c r="O41" s="286"/>
      <c r="P41" s="286"/>
    </row>
    <row r="42" spans="1:16" ht="13.2" customHeight="1">
      <c r="A42" s="122">
        <v>10</v>
      </c>
      <c r="B42" s="286" t="s">
        <v>527</v>
      </c>
      <c r="C42" s="286"/>
      <c r="D42" s="286"/>
      <c r="E42" s="286"/>
      <c r="F42" s="286"/>
      <c r="G42" s="286"/>
      <c r="H42" s="286"/>
      <c r="I42" s="286"/>
      <c r="J42" s="124"/>
      <c r="K42" s="124"/>
      <c r="L42" s="124"/>
      <c r="M42" s="124"/>
      <c r="N42" s="124"/>
      <c r="O42" s="124"/>
      <c r="P42" s="121"/>
    </row>
  </sheetData>
  <mergeCells count="23">
    <mergeCell ref="B41:P41"/>
    <mergeCell ref="B42:I42"/>
    <mergeCell ref="B36:P36"/>
    <mergeCell ref="B37:G37"/>
    <mergeCell ref="B38:K38"/>
    <mergeCell ref="B39:I39"/>
    <mergeCell ref="B40:I40"/>
    <mergeCell ref="B35:P35"/>
    <mergeCell ref="H2:H4"/>
    <mergeCell ref="I2:I4"/>
    <mergeCell ref="J2:J4"/>
    <mergeCell ref="K2:K4"/>
    <mergeCell ref="L2:L4"/>
    <mergeCell ref="M2:M4"/>
    <mergeCell ref="D2:D4"/>
    <mergeCell ref="E2:E4"/>
    <mergeCell ref="F2:F4"/>
    <mergeCell ref="G2:G4"/>
    <mergeCell ref="N2:N4"/>
    <mergeCell ref="O2:O4"/>
    <mergeCell ref="P2:P4"/>
    <mergeCell ref="B33:L33"/>
    <mergeCell ref="B34:G34"/>
  </mergeCells>
  <printOptions horizontalCentered="1"/>
  <pageMargins left="0.55118110236220474" right="0.23622047244094491" top="0.86614173228346458" bottom="0.59055118110236227" header="0.51181102362204722" footer="0.51181102362204722"/>
  <pageSetup scale="89"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8D7449-4EB9-45F3-B1AC-80068C77282A}">
  <sheetPr>
    <pageSetUpPr fitToPage="1"/>
  </sheetPr>
  <dimension ref="A1:R67"/>
  <sheetViews>
    <sheetView showGridLines="0" view="pageBreakPreview" zoomScaleNormal="100" zoomScaleSheetLayoutView="100" workbookViewId="0">
      <selection activeCell="B65" sqref="B65:Q65"/>
    </sheetView>
  </sheetViews>
  <sheetFormatPr defaultColWidth="9.21875" defaultRowHeight="11.4"/>
  <cols>
    <col min="1" max="1" width="1.77734375" style="60" customWidth="1"/>
    <col min="2" max="2" width="14.21875" style="60" customWidth="1"/>
    <col min="3" max="3" width="7.77734375" style="61" customWidth="1"/>
    <col min="4" max="4" width="1.44140625" style="222" customWidth="1"/>
    <col min="5" max="5" width="7.77734375" style="60" customWidth="1"/>
    <col min="6" max="6" width="1.44140625" style="222" customWidth="1"/>
    <col min="7" max="7" width="7.77734375" style="61" customWidth="1"/>
    <col min="8" max="8" width="1.44140625" style="222" customWidth="1"/>
    <col min="9" max="9" width="7.77734375" style="61" customWidth="1"/>
    <col min="10" max="10" width="1.44140625" style="61" customWidth="1"/>
    <col min="11" max="11" width="7.77734375" style="61" customWidth="1"/>
    <col min="12" max="12" width="1.44140625" style="222" customWidth="1"/>
    <col min="13" max="13" width="8.21875" style="61" customWidth="1"/>
    <col min="14" max="14" width="2.5546875" style="222" customWidth="1"/>
    <col min="15" max="15" width="7.77734375" style="237" customWidth="1"/>
    <col min="16" max="16" width="1.44140625" style="222" customWidth="1"/>
    <col min="17" max="17" width="6.77734375" style="59" customWidth="1"/>
    <col min="18" max="18" width="1.77734375" style="222" customWidth="1"/>
    <col min="19" max="16384" width="9.21875" style="59"/>
  </cols>
  <sheetData>
    <row r="1" spans="1:18" s="212" customFormat="1" ht="16.5" customHeight="1">
      <c r="A1" s="208" t="s">
        <v>353</v>
      </c>
      <c r="B1" s="208"/>
      <c r="C1" s="188"/>
      <c r="D1" s="209"/>
      <c r="E1" s="208"/>
      <c r="F1" s="209"/>
      <c r="G1" s="188"/>
      <c r="H1" s="209"/>
      <c r="I1" s="188"/>
      <c r="J1" s="188"/>
      <c r="K1" s="210"/>
      <c r="L1" s="209"/>
      <c r="M1" s="188"/>
      <c r="N1" s="209"/>
      <c r="O1" s="211"/>
      <c r="P1" s="209"/>
      <c r="Q1" s="188"/>
      <c r="R1" s="209"/>
    </row>
    <row r="2" spans="1:18" s="48" customFormat="1" ht="12" customHeight="1">
      <c r="A2" s="13"/>
      <c r="B2" s="13"/>
      <c r="C2" s="213"/>
      <c r="D2" s="120"/>
      <c r="E2" s="213"/>
      <c r="F2" s="120"/>
      <c r="G2" s="213"/>
      <c r="H2" s="120"/>
      <c r="I2" s="214" t="s">
        <v>354</v>
      </c>
      <c r="J2" s="214"/>
      <c r="K2" s="214"/>
      <c r="L2" s="215"/>
      <c r="M2" s="214"/>
      <c r="N2" s="215"/>
      <c r="O2" s="214"/>
      <c r="P2" s="215"/>
      <c r="Q2" s="216" t="s">
        <v>355</v>
      </c>
      <c r="R2" s="120"/>
    </row>
    <row r="3" spans="1:18" s="48" customFormat="1" ht="9.6" customHeight="1">
      <c r="A3" s="13"/>
      <c r="B3" s="13"/>
      <c r="D3" s="120"/>
      <c r="F3" s="120"/>
      <c r="G3" s="213"/>
      <c r="H3" s="120"/>
      <c r="I3" s="213" t="s">
        <v>356</v>
      </c>
      <c r="J3" s="213"/>
      <c r="K3" s="213"/>
      <c r="L3" s="120"/>
      <c r="M3" s="213"/>
      <c r="N3" s="120"/>
      <c r="O3" s="213"/>
      <c r="P3" s="120"/>
      <c r="Q3" s="151" t="s">
        <v>357</v>
      </c>
      <c r="R3" s="120"/>
    </row>
    <row r="4" spans="1:18" s="48" customFormat="1" ht="9.6" customHeight="1">
      <c r="A4" s="13"/>
      <c r="B4" s="13"/>
      <c r="C4" s="217"/>
      <c r="D4" s="218"/>
      <c r="E4" s="217" t="s">
        <v>358</v>
      </c>
      <c r="F4" s="218"/>
      <c r="G4" s="217"/>
      <c r="H4" s="120"/>
      <c r="I4" s="213" t="s">
        <v>359</v>
      </c>
      <c r="J4" s="213"/>
      <c r="K4" s="213" t="s">
        <v>360</v>
      </c>
      <c r="L4" s="120"/>
      <c r="M4" s="213" t="s">
        <v>170</v>
      </c>
      <c r="N4" s="120"/>
      <c r="O4" s="213" t="s">
        <v>355</v>
      </c>
      <c r="P4" s="120"/>
      <c r="Q4" s="151" t="s">
        <v>361</v>
      </c>
      <c r="R4" s="120"/>
    </row>
    <row r="5" spans="1:18" s="48" customFormat="1" ht="12.6" customHeight="1">
      <c r="A5" s="110" t="s">
        <v>1</v>
      </c>
      <c r="B5" s="219"/>
      <c r="C5" s="217" t="s">
        <v>362</v>
      </c>
      <c r="D5" s="218"/>
      <c r="E5" s="217" t="s">
        <v>363</v>
      </c>
      <c r="F5" s="218"/>
      <c r="G5" s="217" t="s">
        <v>364</v>
      </c>
      <c r="H5" s="218"/>
      <c r="I5" s="220" t="s">
        <v>365</v>
      </c>
      <c r="J5" s="220"/>
      <c r="K5" s="220" t="s">
        <v>366</v>
      </c>
      <c r="L5" s="218"/>
      <c r="M5" s="220" t="s">
        <v>367</v>
      </c>
      <c r="N5" s="218"/>
      <c r="O5" s="220" t="s">
        <v>368</v>
      </c>
      <c r="P5" s="218"/>
      <c r="Q5" s="221" t="s">
        <v>369</v>
      </c>
      <c r="R5" s="218"/>
    </row>
    <row r="6" spans="1:18" ht="11.25" customHeight="1">
      <c r="A6" s="59" t="s">
        <v>370</v>
      </c>
      <c r="C6" s="61">
        <v>1373</v>
      </c>
      <c r="E6" s="61">
        <v>1274</v>
      </c>
      <c r="G6" s="61">
        <v>99</v>
      </c>
      <c r="I6" s="61">
        <v>0</v>
      </c>
      <c r="K6" s="61">
        <v>0</v>
      </c>
      <c r="M6" s="61">
        <v>0</v>
      </c>
      <c r="O6" s="61">
        <v>0</v>
      </c>
      <c r="Q6" s="224">
        <v>1</v>
      </c>
    </row>
    <row r="7" spans="1:18" ht="11.25" customHeight="1">
      <c r="A7" s="59" t="s">
        <v>371</v>
      </c>
      <c r="C7" s="61">
        <v>1558</v>
      </c>
      <c r="E7" s="61">
        <v>1474</v>
      </c>
      <c r="G7" s="61">
        <v>84</v>
      </c>
      <c r="I7" s="61">
        <v>0</v>
      </c>
      <c r="K7" s="61">
        <v>0</v>
      </c>
      <c r="M7" s="61">
        <v>0</v>
      </c>
      <c r="O7" s="61">
        <v>0</v>
      </c>
      <c r="Q7" s="224">
        <v>0.8</v>
      </c>
    </row>
    <row r="8" spans="1:18" ht="11.25" customHeight="1">
      <c r="A8" s="59" t="s">
        <v>372</v>
      </c>
      <c r="C8" s="61">
        <v>1772</v>
      </c>
      <c r="E8" s="61">
        <v>1675</v>
      </c>
      <c r="G8" s="61">
        <v>97</v>
      </c>
      <c r="I8" s="61">
        <v>0</v>
      </c>
      <c r="K8" s="61">
        <v>0</v>
      </c>
      <c r="M8" s="61">
        <v>0</v>
      </c>
      <c r="O8" s="61">
        <v>0</v>
      </c>
      <c r="Q8" s="224">
        <v>0.8</v>
      </c>
    </row>
    <row r="9" spans="1:18">
      <c r="A9" s="59" t="s">
        <v>373</v>
      </c>
      <c r="C9" s="61">
        <v>2217</v>
      </c>
      <c r="E9" s="61">
        <v>2071</v>
      </c>
      <c r="G9" s="61">
        <v>146</v>
      </c>
      <c r="I9" s="61">
        <v>0</v>
      </c>
      <c r="K9" s="61">
        <v>0</v>
      </c>
      <c r="M9" s="61">
        <v>0</v>
      </c>
      <c r="O9" s="61">
        <v>0</v>
      </c>
      <c r="Q9" s="224">
        <v>0.9</v>
      </c>
    </row>
    <row r="10" spans="1:18" ht="11.25" customHeight="1">
      <c r="A10" s="59" t="s">
        <v>374</v>
      </c>
      <c r="C10" s="61">
        <v>2769</v>
      </c>
      <c r="E10" s="61">
        <v>2779</v>
      </c>
      <c r="G10" s="61">
        <v>-10</v>
      </c>
      <c r="I10" s="61">
        <v>0</v>
      </c>
      <c r="K10" s="61">
        <v>0</v>
      </c>
      <c r="M10" s="61">
        <v>0</v>
      </c>
      <c r="O10" s="61">
        <v>0</v>
      </c>
      <c r="Q10" s="224">
        <v>-0.1</v>
      </c>
    </row>
    <row r="11" spans="1:18" ht="11.25" customHeight="1">
      <c r="A11" s="59" t="s">
        <v>375</v>
      </c>
      <c r="C11" s="61">
        <v>3124</v>
      </c>
      <c r="E11" s="61">
        <v>3534</v>
      </c>
      <c r="G11" s="61">
        <v>-410</v>
      </c>
      <c r="I11" s="61">
        <v>0</v>
      </c>
      <c r="K11" s="61">
        <v>0</v>
      </c>
      <c r="M11" s="61">
        <v>0</v>
      </c>
      <c r="O11" s="61">
        <v>0</v>
      </c>
      <c r="Q11" s="224">
        <v>-2.1</v>
      </c>
    </row>
    <row r="12" spans="1:18" ht="11.25" customHeight="1">
      <c r="A12" s="59" t="s">
        <v>376</v>
      </c>
      <c r="C12" s="61">
        <v>3785</v>
      </c>
      <c r="E12" s="61">
        <v>3691</v>
      </c>
      <c r="G12" s="61">
        <v>94</v>
      </c>
      <c r="I12" s="61">
        <v>0</v>
      </c>
      <c r="K12" s="61">
        <v>0</v>
      </c>
      <c r="M12" s="61">
        <v>0</v>
      </c>
      <c r="O12" s="61">
        <v>0</v>
      </c>
      <c r="Q12" s="224">
        <v>0.4</v>
      </c>
    </row>
    <row r="13" spans="1:18" ht="11.25" customHeight="1">
      <c r="A13" s="59" t="s">
        <v>377</v>
      </c>
      <c r="C13" s="61">
        <v>4372</v>
      </c>
      <c r="E13" s="61">
        <v>4168</v>
      </c>
      <c r="G13" s="61">
        <v>204</v>
      </c>
      <c r="I13" s="61">
        <v>0</v>
      </c>
      <c r="K13" s="61">
        <v>0</v>
      </c>
      <c r="M13" s="61">
        <v>0</v>
      </c>
      <c r="O13" s="61">
        <v>0</v>
      </c>
      <c r="Q13" s="224">
        <v>0.8</v>
      </c>
    </row>
    <row r="14" spans="1:18" ht="11.25" customHeight="1">
      <c r="A14" s="59" t="s">
        <v>378</v>
      </c>
      <c r="C14" s="61">
        <v>4853</v>
      </c>
      <c r="E14" s="61">
        <v>4582</v>
      </c>
      <c r="G14" s="61">
        <v>271</v>
      </c>
      <c r="I14" s="61">
        <v>0</v>
      </c>
      <c r="K14" s="61">
        <v>0</v>
      </c>
      <c r="M14" s="61">
        <v>0</v>
      </c>
      <c r="O14" s="61">
        <v>0</v>
      </c>
      <c r="Q14" s="224">
        <v>0.9</v>
      </c>
    </row>
    <row r="15" spans="1:18">
      <c r="A15" s="59" t="s">
        <v>379</v>
      </c>
      <c r="C15" s="61">
        <v>5860</v>
      </c>
      <c r="E15" s="61">
        <v>5318</v>
      </c>
      <c r="G15" s="61">
        <v>542</v>
      </c>
      <c r="I15" s="61">
        <v>-88</v>
      </c>
      <c r="K15" s="61">
        <v>0</v>
      </c>
      <c r="M15" s="61">
        <v>0</v>
      </c>
      <c r="O15" s="225">
        <v>454</v>
      </c>
      <c r="Q15" s="224">
        <v>1.3</v>
      </c>
    </row>
    <row r="16" spans="1:18" ht="11.25" customHeight="1">
      <c r="A16" s="59" t="s">
        <v>380</v>
      </c>
      <c r="C16" s="61">
        <v>5982</v>
      </c>
      <c r="E16" s="61">
        <v>6239</v>
      </c>
      <c r="G16" s="61">
        <v>-257</v>
      </c>
      <c r="I16" s="61">
        <v>45</v>
      </c>
      <c r="K16" s="61">
        <v>0</v>
      </c>
      <c r="M16" s="61">
        <v>0</v>
      </c>
      <c r="O16" s="225">
        <v>-212</v>
      </c>
      <c r="Q16" s="224">
        <v>-0.5</v>
      </c>
    </row>
    <row r="17" spans="1:17" ht="11.25" customHeight="1">
      <c r="A17" s="59" t="s">
        <v>381</v>
      </c>
      <c r="B17" s="59"/>
      <c r="C17" s="61">
        <v>7139</v>
      </c>
      <c r="E17" s="61">
        <v>7323</v>
      </c>
      <c r="G17" s="61">
        <v>-184</v>
      </c>
      <c r="I17" s="61">
        <v>43</v>
      </c>
      <c r="K17" s="61">
        <v>0</v>
      </c>
      <c r="M17" s="61">
        <v>0</v>
      </c>
      <c r="O17" s="225">
        <v>-141</v>
      </c>
      <c r="Q17" s="224">
        <v>-0.3</v>
      </c>
    </row>
    <row r="18" spans="1:17" ht="11.25" customHeight="1">
      <c r="A18" s="59" t="s">
        <v>382</v>
      </c>
      <c r="C18" s="61">
        <v>7678</v>
      </c>
      <c r="E18" s="61">
        <v>8662</v>
      </c>
      <c r="G18" s="61">
        <v>-984</v>
      </c>
      <c r="I18" s="61">
        <v>-257</v>
      </c>
      <c r="K18" s="61">
        <v>0</v>
      </c>
      <c r="M18" s="61">
        <v>0</v>
      </c>
      <c r="O18" s="225">
        <v>-1241</v>
      </c>
      <c r="Q18" s="224">
        <v>-2.7</v>
      </c>
    </row>
    <row r="19" spans="1:17" ht="11.25" customHeight="1">
      <c r="A19" s="59" t="s">
        <v>383</v>
      </c>
      <c r="C19" s="61">
        <v>8335</v>
      </c>
      <c r="E19" s="61">
        <v>9347</v>
      </c>
      <c r="G19" s="61">
        <v>-1012</v>
      </c>
      <c r="I19" s="61">
        <v>49</v>
      </c>
      <c r="K19" s="61">
        <v>0</v>
      </c>
      <c r="M19" s="61">
        <v>0</v>
      </c>
      <c r="O19" s="225">
        <v>-963</v>
      </c>
      <c r="Q19" s="224">
        <v>-2</v>
      </c>
    </row>
    <row r="20" spans="1:17">
      <c r="A20" s="59" t="s">
        <v>384</v>
      </c>
      <c r="C20" s="61">
        <v>8807</v>
      </c>
      <c r="E20" s="61">
        <v>9801</v>
      </c>
      <c r="G20" s="61">
        <v>-994</v>
      </c>
      <c r="I20" s="61">
        <v>172</v>
      </c>
      <c r="K20" s="61">
        <v>0</v>
      </c>
      <c r="M20" s="61">
        <v>0</v>
      </c>
      <c r="O20" s="225">
        <v>-822</v>
      </c>
      <c r="Q20" s="224">
        <v>-1.6</v>
      </c>
    </row>
    <row r="21" spans="1:17">
      <c r="A21" s="59" t="s">
        <v>385</v>
      </c>
      <c r="C21" s="61">
        <v>9160</v>
      </c>
      <c r="E21" s="61">
        <v>10127</v>
      </c>
      <c r="G21" s="61">
        <v>-967</v>
      </c>
      <c r="I21" s="61">
        <v>110</v>
      </c>
      <c r="K21" s="61">
        <v>0</v>
      </c>
      <c r="M21" s="61">
        <v>0</v>
      </c>
      <c r="O21" s="225">
        <v>-857</v>
      </c>
      <c r="Q21" s="224">
        <v>-1.5</v>
      </c>
    </row>
    <row r="22" spans="1:17">
      <c r="A22" s="59" t="s">
        <v>386</v>
      </c>
      <c r="C22" s="61">
        <v>9463</v>
      </c>
      <c r="E22" s="61">
        <v>10624</v>
      </c>
      <c r="G22" s="61">
        <v>-1161</v>
      </c>
      <c r="I22" s="61">
        <v>526</v>
      </c>
      <c r="K22" s="61">
        <v>0</v>
      </c>
      <c r="M22" s="61">
        <v>0</v>
      </c>
      <c r="O22" s="225">
        <v>-635</v>
      </c>
      <c r="Q22" s="224">
        <v>-1.1000000000000001</v>
      </c>
    </row>
    <row r="23" spans="1:17">
      <c r="A23" s="59" t="s">
        <v>387</v>
      </c>
      <c r="C23" s="61">
        <v>11007</v>
      </c>
      <c r="E23" s="61">
        <v>11055</v>
      </c>
      <c r="G23" s="61">
        <v>-48</v>
      </c>
      <c r="I23" s="61">
        <v>119</v>
      </c>
      <c r="K23" s="61">
        <v>0</v>
      </c>
      <c r="M23" s="61">
        <v>0</v>
      </c>
      <c r="O23" s="225">
        <v>71</v>
      </c>
      <c r="Q23" s="224">
        <v>0.1</v>
      </c>
    </row>
    <row r="24" spans="1:17">
      <c r="A24" s="59" t="s">
        <v>388</v>
      </c>
      <c r="C24" s="61">
        <v>12570</v>
      </c>
      <c r="E24" s="61">
        <v>11834</v>
      </c>
      <c r="G24" s="61">
        <v>736</v>
      </c>
      <c r="I24" s="61">
        <v>194</v>
      </c>
      <c r="K24" s="61">
        <v>0</v>
      </c>
      <c r="M24" s="61">
        <v>0</v>
      </c>
      <c r="O24" s="225">
        <v>930</v>
      </c>
      <c r="Q24" s="224">
        <v>1.3</v>
      </c>
    </row>
    <row r="25" spans="1:17">
      <c r="A25" s="59" t="s">
        <v>389</v>
      </c>
      <c r="C25" s="61">
        <v>13656</v>
      </c>
      <c r="E25" s="61">
        <v>13200</v>
      </c>
      <c r="G25" s="61">
        <v>456</v>
      </c>
      <c r="I25" s="61">
        <v>40</v>
      </c>
      <c r="K25" s="61">
        <v>0</v>
      </c>
      <c r="M25" s="61">
        <v>0</v>
      </c>
      <c r="O25" s="225">
        <v>496</v>
      </c>
      <c r="Q25" s="224">
        <v>0.6</v>
      </c>
    </row>
    <row r="26" spans="1:17">
      <c r="A26" s="59" t="s">
        <v>390</v>
      </c>
      <c r="C26" s="61">
        <v>14236</v>
      </c>
      <c r="E26" s="61">
        <v>15010</v>
      </c>
      <c r="G26" s="61">
        <v>-774</v>
      </c>
      <c r="I26" s="61">
        <v>107</v>
      </c>
      <c r="K26" s="61">
        <v>0</v>
      </c>
      <c r="M26" s="61">
        <v>0</v>
      </c>
      <c r="O26" s="225">
        <v>-667</v>
      </c>
      <c r="Q26" s="224">
        <v>-0.8</v>
      </c>
    </row>
    <row r="27" spans="1:17">
      <c r="A27" s="59" t="s">
        <v>391</v>
      </c>
      <c r="C27" s="61">
        <v>14570</v>
      </c>
      <c r="E27" s="61">
        <v>17101</v>
      </c>
      <c r="G27" s="61">
        <v>-2531</v>
      </c>
      <c r="I27" s="61">
        <v>192</v>
      </c>
      <c r="K27" s="61">
        <v>0</v>
      </c>
      <c r="M27" s="61">
        <v>0</v>
      </c>
      <c r="O27" s="225">
        <v>-2339</v>
      </c>
      <c r="Q27" s="224">
        <v>-2.8</v>
      </c>
    </row>
    <row r="28" spans="1:17">
      <c r="A28" s="59" t="s">
        <v>392</v>
      </c>
      <c r="C28" s="61">
        <v>16172</v>
      </c>
      <c r="E28" s="61">
        <v>17858</v>
      </c>
      <c r="G28" s="61">
        <v>-1686</v>
      </c>
      <c r="I28" s="61">
        <v>210</v>
      </c>
      <c r="K28" s="61">
        <v>0</v>
      </c>
      <c r="M28" s="61">
        <v>0</v>
      </c>
      <c r="O28" s="225">
        <v>-1476</v>
      </c>
      <c r="Q28" s="224">
        <v>-1.6</v>
      </c>
    </row>
    <row r="29" spans="1:17">
      <c r="A29" s="59" t="s">
        <v>393</v>
      </c>
      <c r="C29" s="61">
        <v>17923</v>
      </c>
      <c r="E29" s="61">
        <v>18833</v>
      </c>
      <c r="G29" s="61">
        <v>-910</v>
      </c>
      <c r="I29" s="61">
        <v>11</v>
      </c>
      <c r="K29" s="61">
        <v>0</v>
      </c>
      <c r="M29" s="61">
        <v>0</v>
      </c>
      <c r="O29" s="225">
        <v>-899</v>
      </c>
      <c r="Q29" s="224">
        <v>-0.9</v>
      </c>
    </row>
    <row r="30" spans="1:17">
      <c r="A30" s="59" t="s">
        <v>394</v>
      </c>
      <c r="C30" s="61">
        <v>19506</v>
      </c>
      <c r="E30" s="61">
        <v>19953</v>
      </c>
      <c r="G30" s="61">
        <v>-447</v>
      </c>
      <c r="I30" s="61">
        <v>219</v>
      </c>
      <c r="K30" s="61">
        <v>0</v>
      </c>
      <c r="M30" s="61">
        <v>0</v>
      </c>
      <c r="O30" s="225">
        <v>-228</v>
      </c>
      <c r="Q30" s="224">
        <v>-0.2</v>
      </c>
    </row>
    <row r="31" spans="1:17">
      <c r="A31" s="59" t="s">
        <v>395</v>
      </c>
      <c r="C31" s="61">
        <v>19698</v>
      </c>
      <c r="E31" s="61">
        <v>20054</v>
      </c>
      <c r="G31" s="61">
        <v>-356</v>
      </c>
      <c r="I31" s="61">
        <v>38</v>
      </c>
      <c r="K31" s="61">
        <v>0</v>
      </c>
      <c r="M31" s="61">
        <v>0</v>
      </c>
      <c r="O31" s="225">
        <v>-318</v>
      </c>
      <c r="Q31" s="224">
        <v>-0.3</v>
      </c>
    </row>
    <row r="32" spans="1:17">
      <c r="A32" s="59" t="s">
        <v>396</v>
      </c>
      <c r="C32" s="61">
        <v>20126</v>
      </c>
      <c r="E32" s="61">
        <v>20241</v>
      </c>
      <c r="G32" s="61">
        <v>-115</v>
      </c>
      <c r="I32" s="61">
        <v>-270</v>
      </c>
      <c r="K32" s="61">
        <v>0</v>
      </c>
      <c r="M32" s="61">
        <v>0</v>
      </c>
      <c r="O32" s="225">
        <v>-385</v>
      </c>
      <c r="Q32" s="224">
        <v>-0.3</v>
      </c>
    </row>
    <row r="33" spans="1:17">
      <c r="A33" s="59" t="s">
        <v>397</v>
      </c>
      <c r="C33" s="61">
        <v>20216</v>
      </c>
      <c r="E33" s="61">
        <v>20368</v>
      </c>
      <c r="G33" s="61">
        <v>-152</v>
      </c>
      <c r="I33" s="61">
        <v>-258</v>
      </c>
      <c r="K33" s="61">
        <v>0</v>
      </c>
      <c r="M33" s="61">
        <v>0</v>
      </c>
      <c r="O33" s="225">
        <v>-410</v>
      </c>
      <c r="Q33" s="224">
        <v>-0.3</v>
      </c>
    </row>
    <row r="34" spans="1:17">
      <c r="A34" s="59" t="s">
        <v>398</v>
      </c>
      <c r="C34" s="61">
        <v>20312</v>
      </c>
      <c r="E34" s="61">
        <v>20530</v>
      </c>
      <c r="G34" s="61">
        <v>-218</v>
      </c>
      <c r="I34" s="61">
        <v>-689</v>
      </c>
      <c r="K34" s="61">
        <v>-88</v>
      </c>
      <c r="M34" s="61">
        <v>0</v>
      </c>
      <c r="O34" s="225">
        <v>-995</v>
      </c>
      <c r="Q34" s="224">
        <v>-0.8</v>
      </c>
    </row>
    <row r="35" spans="1:17">
      <c r="A35" s="59" t="s">
        <v>399</v>
      </c>
      <c r="C35" s="61">
        <v>21836</v>
      </c>
      <c r="E35" s="61">
        <v>22161</v>
      </c>
      <c r="G35" s="61">
        <v>-325</v>
      </c>
      <c r="I35" s="61">
        <v>345</v>
      </c>
      <c r="K35" s="61">
        <v>-73</v>
      </c>
      <c r="M35" s="61">
        <v>0</v>
      </c>
      <c r="O35" s="225">
        <v>-53</v>
      </c>
      <c r="Q35" s="223">
        <v>0</v>
      </c>
    </row>
    <row r="36" spans="1:17">
      <c r="A36" s="59" t="s">
        <v>400</v>
      </c>
      <c r="C36" s="61">
        <v>23948</v>
      </c>
      <c r="E36" s="61">
        <v>22675</v>
      </c>
      <c r="G36" s="61">
        <v>1273</v>
      </c>
      <c r="I36" s="61">
        <v>-171</v>
      </c>
      <c r="K36" s="61">
        <v>105</v>
      </c>
      <c r="M36" s="61">
        <v>-52</v>
      </c>
      <c r="N36" s="226">
        <v>3</v>
      </c>
      <c r="O36" s="225">
        <v>1155</v>
      </c>
      <c r="P36" s="226"/>
      <c r="Q36" s="224">
        <v>0.8</v>
      </c>
    </row>
    <row r="37" spans="1:17">
      <c r="A37" s="59" t="s">
        <v>401</v>
      </c>
      <c r="C37" s="61">
        <v>22988</v>
      </c>
      <c r="E37" s="61">
        <v>24981</v>
      </c>
      <c r="G37" s="61">
        <v>-1993</v>
      </c>
      <c r="H37" s="226">
        <v>2</v>
      </c>
      <c r="I37" s="61">
        <v>-711</v>
      </c>
      <c r="J37" s="226">
        <v>2</v>
      </c>
      <c r="K37" s="61">
        <v>147</v>
      </c>
      <c r="L37" s="226"/>
      <c r="M37" s="61">
        <v>1464</v>
      </c>
      <c r="N37" s="226">
        <v>3</v>
      </c>
      <c r="O37" s="225">
        <v>-1093</v>
      </c>
      <c r="P37" s="226"/>
      <c r="Q37" s="224">
        <v>-0.8</v>
      </c>
    </row>
    <row r="38" spans="1:17">
      <c r="A38" s="59" t="s">
        <v>402</v>
      </c>
      <c r="C38" s="61">
        <v>22212</v>
      </c>
      <c r="E38" s="61">
        <v>25168</v>
      </c>
      <c r="G38" s="61">
        <v>-2956</v>
      </c>
      <c r="H38" s="226"/>
      <c r="I38" s="61">
        <v>-216</v>
      </c>
      <c r="J38" s="226"/>
      <c r="K38" s="61">
        <v>494</v>
      </c>
      <c r="L38" s="226"/>
      <c r="M38" s="61">
        <v>0</v>
      </c>
      <c r="N38" s="226"/>
      <c r="O38" s="225">
        <v>-2678</v>
      </c>
      <c r="P38" s="226"/>
      <c r="Q38" s="224">
        <v>-1.9</v>
      </c>
    </row>
    <row r="39" spans="1:17">
      <c r="A39" s="59" t="s">
        <v>403</v>
      </c>
      <c r="C39" s="61">
        <v>23430</v>
      </c>
      <c r="E39" s="61">
        <v>25481</v>
      </c>
      <c r="G39" s="61">
        <v>-2051</v>
      </c>
      <c r="H39" s="226"/>
      <c r="I39" s="61">
        <v>347</v>
      </c>
      <c r="J39" s="226"/>
      <c r="K39" s="61">
        <v>337</v>
      </c>
      <c r="L39" s="226"/>
      <c r="M39" s="61">
        <v>0</v>
      </c>
      <c r="N39" s="226"/>
      <c r="O39" s="225">
        <v>-1367</v>
      </c>
      <c r="P39" s="226"/>
      <c r="Q39" s="224">
        <v>-0.9</v>
      </c>
    </row>
    <row r="40" spans="1:17">
      <c r="A40" s="59" t="s">
        <v>404</v>
      </c>
      <c r="C40" s="61">
        <v>27579</v>
      </c>
      <c r="E40" s="61">
        <v>26310</v>
      </c>
      <c r="G40" s="61">
        <v>1269</v>
      </c>
      <c r="H40" s="226"/>
      <c r="I40" s="61">
        <v>1035</v>
      </c>
      <c r="J40" s="226"/>
      <c r="K40" s="61">
        <v>361</v>
      </c>
      <c r="L40" s="226"/>
      <c r="M40" s="61">
        <v>0</v>
      </c>
      <c r="N40" s="226"/>
      <c r="O40" s="225">
        <v>2665</v>
      </c>
      <c r="P40" s="226"/>
      <c r="Q40" s="224">
        <v>1.6</v>
      </c>
    </row>
    <row r="41" spans="1:17">
      <c r="A41" s="59" t="s">
        <v>405</v>
      </c>
      <c r="C41" s="61">
        <v>29952</v>
      </c>
      <c r="E41" s="61">
        <v>27178</v>
      </c>
      <c r="G41" s="61">
        <v>2774</v>
      </c>
      <c r="H41" s="226"/>
      <c r="I41" s="61">
        <v>550</v>
      </c>
      <c r="J41" s="226"/>
      <c r="K41" s="61">
        <v>562</v>
      </c>
      <c r="L41" s="226"/>
      <c r="M41" s="61">
        <v>-710</v>
      </c>
      <c r="N41" s="226">
        <v>4</v>
      </c>
      <c r="O41" s="225">
        <v>3176</v>
      </c>
      <c r="P41" s="226"/>
      <c r="Q41" s="224">
        <v>1.8</v>
      </c>
    </row>
    <row r="42" spans="1:17">
      <c r="A42" s="59" t="s">
        <v>406</v>
      </c>
      <c r="C42" s="61">
        <v>31713</v>
      </c>
      <c r="E42" s="61">
        <v>28510</v>
      </c>
      <c r="G42" s="61">
        <v>3203</v>
      </c>
      <c r="H42" s="226"/>
      <c r="I42" s="61">
        <v>841</v>
      </c>
      <c r="J42" s="226"/>
      <c r="K42" s="61">
        <v>372</v>
      </c>
      <c r="L42" s="226"/>
      <c r="M42" s="61">
        <v>-264</v>
      </c>
      <c r="N42" s="226">
        <v>4</v>
      </c>
      <c r="O42" s="225">
        <v>4152</v>
      </c>
      <c r="P42" s="226"/>
      <c r="Q42" s="224">
        <v>2.2000000000000002</v>
      </c>
    </row>
    <row r="43" spans="1:17">
      <c r="A43" s="59" t="s">
        <v>407</v>
      </c>
      <c r="C43" s="61">
        <v>33007</v>
      </c>
      <c r="E43" s="61">
        <v>30569</v>
      </c>
      <c r="G43" s="61">
        <v>2438</v>
      </c>
      <c r="H43" s="226"/>
      <c r="I43" s="61">
        <v>995</v>
      </c>
      <c r="J43" s="226"/>
      <c r="K43" s="61">
        <v>410</v>
      </c>
      <c r="L43" s="226"/>
      <c r="M43" s="61">
        <v>-444</v>
      </c>
      <c r="N43" s="226" t="s">
        <v>408</v>
      </c>
      <c r="O43" s="225">
        <v>3399</v>
      </c>
      <c r="P43" s="226"/>
      <c r="Q43" s="224">
        <v>1.7</v>
      </c>
    </row>
    <row r="44" spans="1:17">
      <c r="A44" s="59" t="s">
        <v>409</v>
      </c>
      <c r="C44" s="61">
        <v>32560</v>
      </c>
      <c r="E44" s="61">
        <v>32036</v>
      </c>
      <c r="G44" s="61">
        <v>524</v>
      </c>
      <c r="H44" s="226"/>
      <c r="I44" s="61">
        <v>975</v>
      </c>
      <c r="J44" s="226"/>
      <c r="K44" s="61">
        <v>153</v>
      </c>
      <c r="L44" s="226"/>
      <c r="M44" s="61">
        <v>18</v>
      </c>
      <c r="N44" s="226" t="s">
        <v>408</v>
      </c>
      <c r="O44" s="225">
        <v>1670</v>
      </c>
      <c r="P44" s="226"/>
      <c r="Q44" s="223">
        <v>0.8</v>
      </c>
    </row>
    <row r="45" spans="1:17">
      <c r="A45" s="59" t="s">
        <v>410</v>
      </c>
      <c r="C45" s="61">
        <v>29169</v>
      </c>
      <c r="E45" s="61">
        <v>32277</v>
      </c>
      <c r="G45" s="61">
        <v>-3108</v>
      </c>
      <c r="H45" s="226"/>
      <c r="I45" s="61">
        <v>803</v>
      </c>
      <c r="J45" s="226"/>
      <c r="K45" s="61">
        <v>492</v>
      </c>
      <c r="L45" s="226"/>
      <c r="M45" s="61">
        <v>0</v>
      </c>
      <c r="N45" s="226"/>
      <c r="O45" s="225">
        <v>-1813</v>
      </c>
      <c r="P45" s="226"/>
      <c r="Q45" s="223">
        <v>-0.9</v>
      </c>
    </row>
    <row r="46" spans="1:17">
      <c r="A46" s="59" t="s">
        <v>411</v>
      </c>
      <c r="C46" s="61">
        <v>32778</v>
      </c>
      <c r="E46" s="61">
        <v>33581</v>
      </c>
      <c r="G46" s="61">
        <v>-803</v>
      </c>
      <c r="H46" s="226"/>
      <c r="I46" s="61">
        <v>-219</v>
      </c>
      <c r="J46" s="226"/>
      <c r="K46" s="61">
        <v>710</v>
      </c>
      <c r="L46" s="226"/>
      <c r="M46" s="61">
        <v>0</v>
      </c>
      <c r="N46" s="226"/>
      <c r="O46" s="225">
        <v>-312</v>
      </c>
      <c r="P46" s="226"/>
      <c r="Q46" s="223">
        <v>-0.2</v>
      </c>
    </row>
    <row r="47" spans="1:17">
      <c r="A47" s="59" t="s">
        <v>412</v>
      </c>
      <c r="C47" s="61">
        <v>32708</v>
      </c>
      <c r="E47" s="61">
        <v>34595</v>
      </c>
      <c r="G47" s="61">
        <v>-1887</v>
      </c>
      <c r="H47" s="226"/>
      <c r="I47" s="61">
        <v>239</v>
      </c>
      <c r="J47" s="226"/>
      <c r="K47" s="61">
        <v>807</v>
      </c>
      <c r="L47" s="226"/>
      <c r="M47" s="61">
        <v>-1599</v>
      </c>
      <c r="N47" s="226">
        <v>6</v>
      </c>
      <c r="O47" s="225">
        <v>-2440</v>
      </c>
      <c r="P47" s="226"/>
      <c r="Q47" s="223">
        <v>-1.1000000000000001</v>
      </c>
    </row>
    <row r="48" spans="1:17">
      <c r="A48" s="59" t="s">
        <v>413</v>
      </c>
      <c r="C48" s="61">
        <v>32667</v>
      </c>
      <c r="E48" s="61">
        <v>35125</v>
      </c>
      <c r="G48" s="61">
        <v>-2458</v>
      </c>
      <c r="H48" s="226"/>
      <c r="I48" s="61">
        <v>95</v>
      </c>
      <c r="J48" s="226"/>
      <c r="K48" s="61">
        <v>482</v>
      </c>
      <c r="L48" s="226"/>
      <c r="M48" s="61">
        <v>0</v>
      </c>
      <c r="N48" s="226"/>
      <c r="O48" s="225">
        <v>-1881</v>
      </c>
      <c r="P48" s="226"/>
      <c r="Q48" s="223">
        <v>-0.8</v>
      </c>
    </row>
    <row r="49" spans="1:18">
      <c r="A49" s="59" t="s">
        <v>414</v>
      </c>
      <c r="C49" s="61">
        <v>34088</v>
      </c>
      <c r="E49" s="61">
        <v>34896</v>
      </c>
      <c r="G49" s="61">
        <v>-808</v>
      </c>
      <c r="H49" s="226"/>
      <c r="I49" s="61">
        <v>155</v>
      </c>
      <c r="J49" s="226"/>
      <c r="K49" s="61">
        <v>360</v>
      </c>
      <c r="L49" s="226"/>
      <c r="M49" s="61">
        <v>0</v>
      </c>
      <c r="N49" s="226"/>
      <c r="O49" s="225">
        <v>-293</v>
      </c>
      <c r="P49" s="226"/>
      <c r="Q49" s="223">
        <v>-0.1</v>
      </c>
    </row>
    <row r="50" spans="1:18">
      <c r="A50" s="59" t="s">
        <v>415</v>
      </c>
      <c r="C50" s="61">
        <v>36373</v>
      </c>
      <c r="E50" s="61">
        <v>36063</v>
      </c>
      <c r="G50" s="61">
        <v>310</v>
      </c>
      <c r="H50" s="226"/>
      <c r="I50" s="61">
        <v>199</v>
      </c>
      <c r="J50" s="226"/>
      <c r="K50" s="61">
        <v>684</v>
      </c>
      <c r="L50" s="226"/>
      <c r="M50" s="61">
        <v>0</v>
      </c>
      <c r="N50" s="226"/>
      <c r="O50" s="225">
        <v>1193</v>
      </c>
      <c r="P50" s="226"/>
      <c r="Q50" s="223">
        <v>0.5</v>
      </c>
    </row>
    <row r="51" spans="1:18">
      <c r="A51" s="59" t="s">
        <v>416</v>
      </c>
      <c r="C51" s="61">
        <v>37630</v>
      </c>
      <c r="E51" s="61">
        <v>37722</v>
      </c>
      <c r="G51" s="61">
        <v>-92</v>
      </c>
      <c r="H51" s="226"/>
      <c r="I51" s="61">
        <v>-621</v>
      </c>
      <c r="J51" s="226"/>
      <c r="K51" s="61">
        <v>762</v>
      </c>
      <c r="L51" s="226"/>
      <c r="M51" s="61">
        <v>0</v>
      </c>
      <c r="N51" s="226"/>
      <c r="O51" s="225">
        <v>49</v>
      </c>
      <c r="P51" s="226"/>
      <c r="Q51" s="223">
        <v>0</v>
      </c>
    </row>
    <row r="52" spans="1:18">
      <c r="A52" s="59" t="s">
        <v>417</v>
      </c>
      <c r="C52" s="61">
        <v>41344</v>
      </c>
      <c r="E52" s="61">
        <v>39669</v>
      </c>
      <c r="G52" s="61">
        <v>1675</v>
      </c>
      <c r="H52" s="226"/>
      <c r="I52" s="61">
        <v>-168</v>
      </c>
      <c r="J52" s="226"/>
      <c r="K52" s="61">
        <v>715</v>
      </c>
      <c r="L52" s="226"/>
      <c r="M52" s="61">
        <v>0</v>
      </c>
      <c r="N52" s="226"/>
      <c r="O52" s="225">
        <v>2222</v>
      </c>
      <c r="P52" s="226"/>
      <c r="Q52" s="223">
        <v>0.8</v>
      </c>
    </row>
    <row r="53" spans="1:18">
      <c r="A53" s="59" t="s">
        <v>418</v>
      </c>
      <c r="C53" s="61">
        <v>43579</v>
      </c>
      <c r="E53" s="61">
        <v>45737</v>
      </c>
      <c r="G53" s="61">
        <v>-2158</v>
      </c>
      <c r="H53" s="226"/>
      <c r="I53" s="61">
        <v>1270</v>
      </c>
      <c r="J53" s="226"/>
      <c r="K53" s="61">
        <v>1084</v>
      </c>
      <c r="L53" s="226"/>
      <c r="M53" s="61">
        <v>0</v>
      </c>
      <c r="N53" s="226"/>
      <c r="O53" s="225">
        <v>196</v>
      </c>
      <c r="P53" s="226"/>
      <c r="Q53" s="223">
        <v>0.1</v>
      </c>
    </row>
    <row r="54" spans="1:18" ht="11.25" customHeight="1">
      <c r="A54" s="59" t="s">
        <v>419</v>
      </c>
      <c r="C54" s="61">
        <v>46926</v>
      </c>
      <c r="E54" s="61">
        <v>45161</v>
      </c>
      <c r="G54" s="61">
        <v>1765</v>
      </c>
      <c r="H54" s="226"/>
      <c r="I54" s="61">
        <v>-1289</v>
      </c>
      <c r="J54" s="226"/>
      <c r="K54" s="61">
        <v>840</v>
      </c>
      <c r="L54" s="226"/>
      <c r="M54" s="61">
        <v>0</v>
      </c>
      <c r="N54" s="226"/>
      <c r="O54" s="225">
        <v>1316</v>
      </c>
      <c r="P54" s="226"/>
      <c r="Q54" s="223">
        <v>0.4</v>
      </c>
    </row>
    <row r="55" spans="1:18" ht="11.25" customHeight="1">
      <c r="A55" s="59" t="s">
        <v>420</v>
      </c>
      <c r="C55" s="61">
        <v>46580</v>
      </c>
      <c r="E55" s="61">
        <v>47824</v>
      </c>
      <c r="G55" s="61">
        <v>-1244</v>
      </c>
      <c r="H55" s="226"/>
      <c r="I55" s="61">
        <v>-419</v>
      </c>
      <c r="J55" s="226"/>
      <c r="K55" s="61">
        <v>1132</v>
      </c>
      <c r="L55" s="226"/>
      <c r="M55" s="61">
        <v>0</v>
      </c>
      <c r="N55" s="226"/>
      <c r="O55" s="225">
        <v>-531</v>
      </c>
      <c r="P55" s="226"/>
      <c r="Q55" s="223">
        <v>-0.2</v>
      </c>
    </row>
    <row r="56" spans="1:18" ht="11.25" customHeight="1">
      <c r="A56" s="59" t="s">
        <v>421</v>
      </c>
      <c r="C56" s="61">
        <v>48210</v>
      </c>
      <c r="E56" s="61">
        <v>57889</v>
      </c>
      <c r="G56" s="61">
        <v>-9679</v>
      </c>
      <c r="H56" s="226"/>
      <c r="I56" s="61">
        <v>1847</v>
      </c>
      <c r="J56" s="226"/>
      <c r="K56" s="61">
        <v>2217</v>
      </c>
      <c r="L56" s="226"/>
      <c r="M56" s="61">
        <v>0</v>
      </c>
      <c r="N56" s="226"/>
      <c r="O56" s="225">
        <v>-5615</v>
      </c>
      <c r="P56" s="226"/>
      <c r="Q56" s="223">
        <v>-1.8</v>
      </c>
    </row>
    <row r="57" spans="1:18" ht="11.25" customHeight="1">
      <c r="A57" s="59" t="s">
        <v>422</v>
      </c>
      <c r="C57" s="61">
        <v>57387</v>
      </c>
      <c r="D57" s="227"/>
      <c r="E57" s="61">
        <v>58716</v>
      </c>
      <c r="F57" s="227"/>
      <c r="G57" s="61">
        <v>-1329</v>
      </c>
      <c r="H57" s="228"/>
      <c r="I57" s="61">
        <v>525</v>
      </c>
      <c r="J57" s="228"/>
      <c r="K57" s="61">
        <v>2066</v>
      </c>
      <c r="L57" s="228"/>
      <c r="M57" s="61">
        <v>0</v>
      </c>
      <c r="N57" s="228"/>
      <c r="O57" s="225">
        <v>1262</v>
      </c>
      <c r="P57" s="228"/>
      <c r="Q57" s="223">
        <v>0.4</v>
      </c>
      <c r="R57" s="227"/>
    </row>
    <row r="58" spans="1:18" ht="11.25" customHeight="1">
      <c r="A58" s="59" t="s">
        <v>423</v>
      </c>
      <c r="C58" s="61">
        <v>67690</v>
      </c>
      <c r="D58" s="227"/>
      <c r="E58" s="61">
        <v>68322</v>
      </c>
      <c r="F58" s="227"/>
      <c r="G58" s="61">
        <v>-632</v>
      </c>
      <c r="H58" s="228"/>
      <c r="I58" s="61">
        <v>168</v>
      </c>
      <c r="J58" s="228"/>
      <c r="K58" s="61">
        <v>1420</v>
      </c>
      <c r="L58" s="228"/>
      <c r="M58" s="61">
        <v>0</v>
      </c>
      <c r="N58" s="228"/>
      <c r="O58" s="225">
        <v>956</v>
      </c>
      <c r="P58" s="228"/>
      <c r="Q58" s="223">
        <v>0.2</v>
      </c>
      <c r="R58" s="227"/>
    </row>
    <row r="59" spans="1:18" ht="11.25" customHeight="1">
      <c r="A59" s="59" t="s">
        <v>424</v>
      </c>
      <c r="C59" s="61">
        <v>62458</v>
      </c>
      <c r="D59" s="227"/>
      <c r="E59" s="61">
        <v>71537</v>
      </c>
      <c r="F59" s="227"/>
      <c r="G59" s="61">
        <v>-9079</v>
      </c>
      <c r="H59" s="228"/>
      <c r="I59" s="61">
        <v>1049</v>
      </c>
      <c r="J59" s="228"/>
      <c r="K59" s="61">
        <v>2995</v>
      </c>
      <c r="L59" s="228"/>
      <c r="M59" s="61">
        <v>0</v>
      </c>
      <c r="N59" s="228"/>
      <c r="O59" s="225">
        <v>-5035</v>
      </c>
      <c r="P59" s="228"/>
      <c r="Q59" s="223">
        <v>-1.2</v>
      </c>
      <c r="R59" s="227"/>
    </row>
    <row r="60" spans="1:18" ht="1.5" customHeight="1">
      <c r="A60" s="229"/>
      <c r="B60" s="229"/>
      <c r="C60" s="229"/>
      <c r="D60" s="230"/>
      <c r="E60" s="229"/>
      <c r="F60" s="230"/>
      <c r="G60" s="231"/>
      <c r="H60" s="230"/>
      <c r="I60" s="231" t="s">
        <v>49</v>
      </c>
      <c r="J60" s="231"/>
      <c r="K60" s="231"/>
      <c r="L60" s="230"/>
      <c r="M60" s="231"/>
      <c r="N60" s="230"/>
      <c r="O60" s="231"/>
      <c r="P60" s="230"/>
      <c r="Q60" s="232"/>
      <c r="R60" s="230"/>
    </row>
    <row r="61" spans="1:18" ht="2.25" customHeight="1">
      <c r="C61" s="60"/>
      <c r="O61" s="61"/>
      <c r="Q61" s="224"/>
    </row>
    <row r="62" spans="1:18" s="18" customFormat="1" ht="28.2" customHeight="1">
      <c r="A62" s="233" t="s">
        <v>425</v>
      </c>
      <c r="B62" s="285" t="s">
        <v>528</v>
      </c>
      <c r="C62" s="285"/>
      <c r="D62" s="285"/>
      <c r="E62" s="285"/>
      <c r="F62" s="285"/>
      <c r="G62" s="285"/>
      <c r="H62" s="285"/>
      <c r="I62" s="285"/>
      <c r="J62" s="285"/>
      <c r="K62" s="285"/>
      <c r="L62" s="285"/>
      <c r="M62" s="285"/>
      <c r="N62" s="285"/>
      <c r="O62" s="285"/>
      <c r="P62" s="285"/>
      <c r="Q62" s="285"/>
      <c r="R62" s="285"/>
    </row>
    <row r="63" spans="1:18" s="18" customFormat="1" ht="10.5" customHeight="1">
      <c r="A63" s="234" t="s">
        <v>426</v>
      </c>
      <c r="B63" s="287" t="s">
        <v>427</v>
      </c>
      <c r="C63" s="287"/>
      <c r="D63" s="287"/>
      <c r="E63" s="287"/>
      <c r="F63" s="287"/>
      <c r="G63" s="287"/>
      <c r="H63" s="287"/>
      <c r="I63" s="287"/>
      <c r="J63" s="287"/>
      <c r="K63" s="287"/>
      <c r="L63" s="287"/>
      <c r="M63" s="287"/>
      <c r="N63" s="287"/>
      <c r="O63" s="287"/>
      <c r="P63" s="287"/>
      <c r="Q63" s="287"/>
      <c r="R63" s="235"/>
    </row>
    <row r="64" spans="1:18" s="18" customFormat="1" ht="10.5" customHeight="1">
      <c r="A64" s="236" t="s">
        <v>69</v>
      </c>
      <c r="B64" s="287" t="s">
        <v>428</v>
      </c>
      <c r="C64" s="287"/>
      <c r="D64" s="287"/>
      <c r="E64" s="287"/>
      <c r="F64" s="287"/>
      <c r="G64" s="287"/>
      <c r="H64" s="287"/>
      <c r="I64" s="287"/>
      <c r="J64" s="287"/>
      <c r="K64" s="287"/>
      <c r="L64" s="287"/>
      <c r="M64" s="287"/>
      <c r="N64" s="287"/>
      <c r="O64" s="287"/>
      <c r="P64" s="287"/>
      <c r="Q64" s="287"/>
      <c r="R64" s="235"/>
    </row>
    <row r="65" spans="1:18" s="18" customFormat="1" ht="10.5" customHeight="1">
      <c r="A65" s="234" t="s">
        <v>429</v>
      </c>
      <c r="B65" s="287" t="s">
        <v>430</v>
      </c>
      <c r="C65" s="287"/>
      <c r="D65" s="287"/>
      <c r="E65" s="287"/>
      <c r="F65" s="287"/>
      <c r="G65" s="287"/>
      <c r="H65" s="287"/>
      <c r="I65" s="287"/>
      <c r="J65" s="287"/>
      <c r="K65" s="287"/>
      <c r="L65" s="287"/>
      <c r="M65" s="287"/>
      <c r="N65" s="287"/>
      <c r="O65" s="287"/>
      <c r="P65" s="287"/>
      <c r="Q65" s="287"/>
      <c r="R65" s="235"/>
    </row>
    <row r="66" spans="1:18" s="18" customFormat="1" ht="10.5" customHeight="1">
      <c r="A66" s="234" t="s">
        <v>431</v>
      </c>
      <c r="B66" s="287" t="s">
        <v>432</v>
      </c>
      <c r="C66" s="287"/>
      <c r="D66" s="287"/>
      <c r="E66" s="287"/>
      <c r="F66" s="287"/>
      <c r="G66" s="287"/>
      <c r="H66" s="287"/>
      <c r="I66" s="287"/>
      <c r="J66" s="287"/>
      <c r="K66" s="287"/>
      <c r="L66" s="287"/>
      <c r="M66" s="287"/>
      <c r="N66" s="287"/>
      <c r="O66" s="287"/>
      <c r="P66" s="287"/>
      <c r="Q66" s="287"/>
      <c r="R66" s="235"/>
    </row>
    <row r="67" spans="1:18" ht="10.5" customHeight="1">
      <c r="A67" s="234" t="s">
        <v>433</v>
      </c>
      <c r="B67" s="287" t="s">
        <v>434</v>
      </c>
      <c r="C67" s="287"/>
      <c r="D67" s="287"/>
      <c r="E67" s="287"/>
      <c r="F67" s="287"/>
      <c r="G67" s="287"/>
      <c r="H67" s="287"/>
      <c r="I67" s="287"/>
      <c r="J67" s="287"/>
      <c r="K67" s="287"/>
      <c r="L67" s="287"/>
      <c r="M67" s="287"/>
      <c r="N67" s="287"/>
      <c r="O67" s="287"/>
      <c r="P67" s="287"/>
      <c r="Q67" s="287"/>
      <c r="R67" s="235"/>
    </row>
  </sheetData>
  <mergeCells count="6">
    <mergeCell ref="B66:Q66"/>
    <mergeCell ref="B67:Q67"/>
    <mergeCell ref="B62:R62"/>
    <mergeCell ref="B63:Q63"/>
    <mergeCell ref="B64:Q64"/>
    <mergeCell ref="B65:Q65"/>
  </mergeCells>
  <printOptions horizontalCentered="1"/>
  <pageMargins left="0.6692913385826772" right="0.51181102362204722" top="0.74803149606299213" bottom="0.51181102362204722" header="0.51181102362204722" footer="0.23622047244094491"/>
  <pageSetup scale="87" orientation="portrait" r:id="rId1"/>
  <headerFooter alignWithMargins="0">
    <oddFooter>&amp;L&amp;8J:\FEP\ECB\Review\2005-06\Fiscal Tables\Appendix 2\&amp;F&amp;R&amp;8&amp;T  &amp;D</oddFooter>
  </headerFooter>
  <ignoredErrors>
    <ignoredError sqref="A62:A67" numberStoredAsText="1"/>
  </ignoredError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31CA70-A9EA-4D42-B4E2-F5574B4CA0DD}">
  <sheetPr transitionEvaluation="1">
    <pageSetUpPr fitToPage="1"/>
  </sheetPr>
  <dimension ref="A1:N67"/>
  <sheetViews>
    <sheetView showGridLines="0" defaultGridColor="0" view="pageBreakPreview" topLeftCell="A32" colorId="22" zoomScaleNormal="130" zoomScaleSheetLayoutView="100" workbookViewId="0">
      <selection activeCell="A68" sqref="A68:XFD1048576"/>
    </sheetView>
  </sheetViews>
  <sheetFormatPr defaultColWidth="7.6640625" defaultRowHeight="10.199999999999999"/>
  <cols>
    <col min="1" max="1" width="1.6640625" style="241" customWidth="1"/>
    <col min="2" max="2" width="10.109375" style="241" customWidth="1"/>
    <col min="3" max="3" width="8.109375" style="241" customWidth="1"/>
    <col min="4" max="4" width="7.88671875" style="241" customWidth="1"/>
    <col min="5" max="5" width="7.109375" style="241" customWidth="1"/>
    <col min="6" max="6" width="9.109375" style="241" customWidth="1"/>
    <col min="7" max="7" width="6.88671875" style="241" customWidth="1"/>
    <col min="8" max="10" width="7.109375" style="241" customWidth="1"/>
    <col min="11" max="11" width="0.88671875" style="241" customWidth="1"/>
    <col min="12" max="12" width="7.33203125" style="241" customWidth="1"/>
    <col min="13" max="13" width="8.88671875" style="241" customWidth="1"/>
    <col min="14" max="14" width="2.33203125" style="241" customWidth="1"/>
    <col min="15" max="16384" width="7.6640625" style="241"/>
  </cols>
  <sheetData>
    <row r="1" spans="1:14" ht="13.5" customHeight="1">
      <c r="A1" s="238" t="s">
        <v>435</v>
      </c>
      <c r="B1" s="239"/>
      <c r="C1" s="240"/>
      <c r="D1" s="239"/>
      <c r="E1" s="239"/>
      <c r="F1" s="239"/>
      <c r="G1" s="239"/>
      <c r="H1" s="239"/>
      <c r="I1" s="239"/>
      <c r="J1" s="239"/>
      <c r="K1" s="239"/>
      <c r="L1" s="239"/>
      <c r="M1" s="239"/>
    </row>
    <row r="2" spans="1:14" ht="13.8" customHeight="1">
      <c r="A2" s="242"/>
      <c r="B2" s="243"/>
      <c r="C2" s="298" t="s">
        <v>436</v>
      </c>
      <c r="D2" s="299"/>
      <c r="E2" s="299"/>
      <c r="F2" s="299"/>
      <c r="G2" s="299"/>
      <c r="H2" s="299"/>
      <c r="I2" s="243"/>
      <c r="J2" s="244"/>
      <c r="K2" s="244"/>
      <c r="L2" s="243"/>
      <c r="M2" s="243"/>
    </row>
    <row r="3" spans="1:14" ht="18" customHeight="1">
      <c r="A3" s="242"/>
      <c r="B3" s="300" t="s">
        <v>437</v>
      </c>
      <c r="C3" s="303" t="s">
        <v>438</v>
      </c>
      <c r="D3" s="303" t="s">
        <v>439</v>
      </c>
      <c r="E3" s="303" t="s">
        <v>440</v>
      </c>
      <c r="F3" s="303" t="s">
        <v>441</v>
      </c>
      <c r="G3" s="303" t="s">
        <v>442</v>
      </c>
      <c r="H3" s="303" t="s">
        <v>443</v>
      </c>
      <c r="I3" s="310" t="s">
        <v>444</v>
      </c>
      <c r="J3" s="310" t="s">
        <v>445</v>
      </c>
      <c r="K3" s="245"/>
      <c r="L3" s="310" t="s">
        <v>446</v>
      </c>
      <c r="M3" s="310" t="s">
        <v>447</v>
      </c>
    </row>
    <row r="4" spans="1:14" ht="10.5" customHeight="1">
      <c r="A4" s="242"/>
      <c r="B4" s="301"/>
      <c r="C4" s="304"/>
      <c r="D4" s="304"/>
      <c r="E4" s="304"/>
      <c r="F4" s="305"/>
      <c r="G4" s="305"/>
      <c r="H4" s="304"/>
      <c r="I4" s="304"/>
      <c r="J4" s="305"/>
      <c r="K4" s="245"/>
      <c r="L4" s="304"/>
      <c r="M4" s="304"/>
    </row>
    <row r="5" spans="1:14" ht="10.35" customHeight="1">
      <c r="A5" s="242"/>
      <c r="B5" s="301"/>
      <c r="C5" s="304"/>
      <c r="D5" s="304"/>
      <c r="E5" s="304"/>
      <c r="F5" s="305"/>
      <c r="G5" s="305"/>
      <c r="H5" s="304"/>
      <c r="I5" s="304"/>
      <c r="J5" s="305"/>
      <c r="K5" s="245"/>
      <c r="L5" s="304"/>
      <c r="M5" s="304"/>
    </row>
    <row r="6" spans="1:14" ht="9" customHeight="1">
      <c r="A6" s="246"/>
      <c r="B6" s="302"/>
      <c r="C6" s="299"/>
      <c r="D6" s="299"/>
      <c r="E6" s="299"/>
      <c r="F6" s="306"/>
      <c r="G6" s="306"/>
      <c r="H6" s="299"/>
      <c r="I6" s="299"/>
      <c r="J6" s="306"/>
      <c r="K6" s="247"/>
      <c r="L6" s="299"/>
      <c r="M6" s="299"/>
    </row>
    <row r="7" spans="1:14" ht="14.1" customHeight="1">
      <c r="B7" s="248"/>
      <c r="C7" s="311" t="s">
        <v>1</v>
      </c>
      <c r="D7" s="311"/>
      <c r="E7" s="311"/>
      <c r="F7" s="311"/>
      <c r="G7" s="311"/>
      <c r="H7" s="311"/>
      <c r="I7" s="311"/>
      <c r="J7" s="311"/>
      <c r="K7" s="249"/>
      <c r="L7" s="311" t="s">
        <v>15</v>
      </c>
      <c r="M7" s="311"/>
    </row>
    <row r="8" spans="1:14" ht="11.4">
      <c r="B8" s="248" t="s">
        <v>448</v>
      </c>
      <c r="C8" s="250">
        <v>0</v>
      </c>
      <c r="D8" s="250">
        <v>338</v>
      </c>
      <c r="E8" s="250">
        <v>42</v>
      </c>
      <c r="F8" s="250">
        <v>142</v>
      </c>
      <c r="G8" s="250">
        <v>100</v>
      </c>
      <c r="H8" s="250">
        <v>622</v>
      </c>
      <c r="I8" s="250">
        <v>1661</v>
      </c>
      <c r="J8" s="250">
        <v>2283</v>
      </c>
      <c r="K8" s="251"/>
      <c r="L8" s="252">
        <v>24.689088352979343</v>
      </c>
      <c r="M8" s="252">
        <v>6.7265058938033961</v>
      </c>
      <c r="N8" s="253"/>
    </row>
    <row r="9" spans="1:14" ht="11.4">
      <c r="B9" s="248" t="s">
        <v>449</v>
      </c>
      <c r="C9" s="250">
        <v>0</v>
      </c>
      <c r="D9" s="250">
        <v>362</v>
      </c>
      <c r="E9" s="250">
        <v>64</v>
      </c>
      <c r="F9" s="250">
        <v>172</v>
      </c>
      <c r="G9" s="250">
        <v>99</v>
      </c>
      <c r="H9" s="250">
        <v>697</v>
      </c>
      <c r="I9" s="250">
        <v>1808</v>
      </c>
      <c r="J9" s="250">
        <v>2505</v>
      </c>
      <c r="K9" s="251"/>
      <c r="L9" s="252">
        <v>25.642338007984439</v>
      </c>
      <c r="M9" s="252">
        <v>7.1348142082096428</v>
      </c>
      <c r="N9" s="253"/>
    </row>
    <row r="10" spans="1:14" ht="11.4">
      <c r="B10" s="248" t="s">
        <v>450</v>
      </c>
      <c r="C10" s="250">
        <v>0</v>
      </c>
      <c r="D10" s="250">
        <v>380</v>
      </c>
      <c r="E10" s="250">
        <v>85</v>
      </c>
      <c r="F10" s="250">
        <v>233</v>
      </c>
      <c r="G10" s="250">
        <v>95</v>
      </c>
      <c r="H10" s="250">
        <v>793</v>
      </c>
      <c r="I10" s="250">
        <v>1948</v>
      </c>
      <c r="J10" s="250">
        <v>2741</v>
      </c>
      <c r="K10" s="251"/>
      <c r="L10" s="252">
        <v>24.900072674418606</v>
      </c>
      <c r="M10" s="252">
        <v>7.2038517441860463</v>
      </c>
      <c r="N10" s="253"/>
    </row>
    <row r="11" spans="1:14" ht="11.4">
      <c r="B11" s="248" t="s">
        <v>451</v>
      </c>
      <c r="C11" s="250">
        <v>0</v>
      </c>
      <c r="D11" s="250">
        <v>408</v>
      </c>
      <c r="E11" s="250">
        <v>105</v>
      </c>
      <c r="F11" s="250">
        <v>288</v>
      </c>
      <c r="G11" s="250">
        <v>87</v>
      </c>
      <c r="H11" s="250">
        <v>888</v>
      </c>
      <c r="I11" s="250">
        <v>2062</v>
      </c>
      <c r="J11" s="250">
        <v>2950</v>
      </c>
      <c r="K11" s="251"/>
      <c r="L11" s="252">
        <v>23.842237129233006</v>
      </c>
      <c r="M11" s="252">
        <v>7.1769174816131907</v>
      </c>
      <c r="N11" s="253"/>
    </row>
    <row r="12" spans="1:14" ht="11.4">
      <c r="B12" s="248" t="s">
        <v>452</v>
      </c>
      <c r="C12" s="250">
        <v>0</v>
      </c>
      <c r="D12" s="250">
        <v>425</v>
      </c>
      <c r="E12" s="250">
        <v>117</v>
      </c>
      <c r="F12" s="250">
        <v>340</v>
      </c>
      <c r="G12" s="250">
        <v>145</v>
      </c>
      <c r="H12" s="250">
        <v>1027</v>
      </c>
      <c r="I12" s="250">
        <v>2228</v>
      </c>
      <c r="J12" s="250">
        <v>3255</v>
      </c>
      <c r="K12" s="251"/>
      <c r="L12" s="252">
        <v>21.130875097377306</v>
      </c>
      <c r="M12" s="252">
        <v>6.6670994546870945</v>
      </c>
      <c r="N12" s="253"/>
    </row>
    <row r="13" spans="1:14" ht="11.4">
      <c r="B13" s="248" t="s">
        <v>453</v>
      </c>
      <c r="C13" s="250">
        <v>0</v>
      </c>
      <c r="D13" s="250">
        <v>485</v>
      </c>
      <c r="E13" s="250">
        <v>133</v>
      </c>
      <c r="F13" s="250">
        <v>386</v>
      </c>
      <c r="G13" s="250">
        <v>149</v>
      </c>
      <c r="H13" s="250">
        <v>1153</v>
      </c>
      <c r="I13" s="250">
        <v>2650</v>
      </c>
      <c r="J13" s="250">
        <v>3803</v>
      </c>
      <c r="K13" s="251"/>
      <c r="L13" s="252">
        <v>21.306515771191663</v>
      </c>
      <c r="M13" s="252">
        <v>6.4597456440136707</v>
      </c>
      <c r="N13" s="253"/>
    </row>
    <row r="14" spans="1:14" ht="11.4">
      <c r="B14" s="248" t="s">
        <v>454</v>
      </c>
      <c r="C14" s="250">
        <v>0</v>
      </c>
      <c r="D14" s="250">
        <v>557</v>
      </c>
      <c r="E14" s="250">
        <v>178</v>
      </c>
      <c r="F14" s="250">
        <v>544</v>
      </c>
      <c r="G14" s="250">
        <v>145</v>
      </c>
      <c r="H14" s="250">
        <v>1424</v>
      </c>
      <c r="I14" s="250">
        <v>3144</v>
      </c>
      <c r="J14" s="250">
        <v>4568</v>
      </c>
      <c r="K14" s="251"/>
      <c r="L14" s="252">
        <v>23.073037680573798</v>
      </c>
      <c r="M14" s="252">
        <v>7.192645721790079</v>
      </c>
      <c r="N14" s="253"/>
    </row>
    <row r="15" spans="1:14" ht="11.4">
      <c r="B15" s="248" t="s">
        <v>455</v>
      </c>
      <c r="C15" s="250">
        <v>261</v>
      </c>
      <c r="D15" s="250">
        <v>658</v>
      </c>
      <c r="E15" s="250">
        <v>236</v>
      </c>
      <c r="F15" s="250">
        <v>649</v>
      </c>
      <c r="G15" s="250">
        <v>188</v>
      </c>
      <c r="H15" s="250">
        <v>1992</v>
      </c>
      <c r="I15" s="250">
        <v>3787</v>
      </c>
      <c r="J15" s="250">
        <v>5779</v>
      </c>
      <c r="K15" s="251"/>
      <c r="L15" s="252">
        <v>24.365460831436039</v>
      </c>
      <c r="M15" s="252">
        <v>8.3986845433847712</v>
      </c>
      <c r="N15" s="253"/>
    </row>
    <row r="16" spans="1:14" ht="11.4">
      <c r="B16" s="248" t="s">
        <v>456</v>
      </c>
      <c r="C16" s="250">
        <v>261</v>
      </c>
      <c r="D16" s="250">
        <v>710</v>
      </c>
      <c r="E16" s="250">
        <v>291</v>
      </c>
      <c r="F16" s="250">
        <v>656</v>
      </c>
      <c r="G16" s="250">
        <v>215</v>
      </c>
      <c r="H16" s="250">
        <v>2133</v>
      </c>
      <c r="I16" s="250">
        <v>4464</v>
      </c>
      <c r="J16" s="250">
        <v>6597</v>
      </c>
      <c r="K16" s="251"/>
      <c r="L16" s="252">
        <v>24.910319827814071</v>
      </c>
      <c r="M16" s="252">
        <v>8.0542234641090502</v>
      </c>
      <c r="N16" s="253"/>
    </row>
    <row r="17" spans="2:14" ht="11.4">
      <c r="B17" s="248" t="s">
        <v>457</v>
      </c>
      <c r="C17" s="250">
        <v>261</v>
      </c>
      <c r="D17" s="250">
        <v>778</v>
      </c>
      <c r="E17" s="250">
        <v>334</v>
      </c>
      <c r="F17" s="250">
        <v>653</v>
      </c>
      <c r="G17" s="250">
        <v>91</v>
      </c>
      <c r="H17" s="250">
        <v>2117</v>
      </c>
      <c r="I17" s="250">
        <v>4838</v>
      </c>
      <c r="J17" s="250">
        <v>6955</v>
      </c>
      <c r="K17" s="251"/>
      <c r="L17" s="252">
        <v>23.260869565217391</v>
      </c>
      <c r="M17" s="252">
        <v>7.0802675585284272</v>
      </c>
      <c r="N17" s="253"/>
    </row>
    <row r="18" spans="2:14" ht="11.4">
      <c r="B18" s="248" t="s">
        <v>458</v>
      </c>
      <c r="C18" s="250">
        <v>235</v>
      </c>
      <c r="D18" s="250">
        <v>836</v>
      </c>
      <c r="E18" s="250">
        <v>401</v>
      </c>
      <c r="F18" s="250">
        <v>730</v>
      </c>
      <c r="G18" s="250">
        <v>195</v>
      </c>
      <c r="H18" s="250">
        <v>2397</v>
      </c>
      <c r="I18" s="250">
        <v>5704</v>
      </c>
      <c r="J18" s="250">
        <v>8101</v>
      </c>
      <c r="K18" s="251"/>
      <c r="L18" s="252">
        <v>23.331029318587639</v>
      </c>
      <c r="M18" s="252">
        <v>6.9034041817867635</v>
      </c>
      <c r="N18" s="253"/>
    </row>
    <row r="19" spans="2:14" ht="11.4">
      <c r="B19" s="248" t="s">
        <v>459</v>
      </c>
      <c r="C19" s="250">
        <v>209</v>
      </c>
      <c r="D19" s="250">
        <v>919</v>
      </c>
      <c r="E19" s="250">
        <v>461</v>
      </c>
      <c r="F19" s="250">
        <v>729</v>
      </c>
      <c r="G19" s="250">
        <v>270</v>
      </c>
      <c r="H19" s="250">
        <v>2588</v>
      </c>
      <c r="I19" s="250">
        <v>5956</v>
      </c>
      <c r="J19" s="250">
        <v>8544</v>
      </c>
      <c r="K19" s="251"/>
      <c r="L19" s="252">
        <v>21.578482131582273</v>
      </c>
      <c r="M19" s="252">
        <v>6.5361788104558656</v>
      </c>
      <c r="N19" s="253"/>
    </row>
    <row r="20" spans="2:14" ht="11.4">
      <c r="B20" s="254" t="s">
        <v>460</v>
      </c>
      <c r="C20" s="250">
        <v>183</v>
      </c>
      <c r="D20" s="250">
        <v>1067</v>
      </c>
      <c r="E20" s="250">
        <v>561</v>
      </c>
      <c r="F20" s="250">
        <v>844</v>
      </c>
      <c r="G20" s="250">
        <v>291</v>
      </c>
      <c r="H20" s="250">
        <v>2946</v>
      </c>
      <c r="I20" s="250">
        <v>7227</v>
      </c>
      <c r="J20" s="250">
        <v>10173</v>
      </c>
      <c r="K20" s="251"/>
      <c r="L20" s="252">
        <v>21.832346124130826</v>
      </c>
      <c r="M20" s="252">
        <v>6.3224311099665211</v>
      </c>
      <c r="N20" s="253"/>
    </row>
    <row r="21" spans="2:14" ht="11.4">
      <c r="B21" s="248" t="s">
        <v>461</v>
      </c>
      <c r="C21" s="250">
        <v>883</v>
      </c>
      <c r="D21" s="250">
        <v>1204</v>
      </c>
      <c r="E21" s="250">
        <v>660</v>
      </c>
      <c r="F21" s="250">
        <v>1024</v>
      </c>
      <c r="G21" s="250">
        <v>894</v>
      </c>
      <c r="H21" s="250">
        <v>4665</v>
      </c>
      <c r="I21" s="250">
        <v>7692</v>
      </c>
      <c r="J21" s="250">
        <v>12357</v>
      </c>
      <c r="K21" s="251"/>
      <c r="L21" s="252">
        <v>26.51716738197425</v>
      </c>
      <c r="M21" s="252">
        <v>10.010729613733906</v>
      </c>
      <c r="N21" s="253"/>
    </row>
    <row r="22" spans="2:14" ht="11.4">
      <c r="B22" s="255" t="s">
        <v>462</v>
      </c>
      <c r="C22" s="250">
        <v>1596</v>
      </c>
      <c r="D22" s="250">
        <v>1321</v>
      </c>
      <c r="E22" s="250">
        <v>712</v>
      </c>
      <c r="F22" s="250">
        <v>1392</v>
      </c>
      <c r="G22" s="250">
        <v>1174</v>
      </c>
      <c r="H22" s="250">
        <v>6195</v>
      </c>
      <c r="I22" s="250">
        <v>8440</v>
      </c>
      <c r="J22" s="250">
        <v>14635</v>
      </c>
      <c r="K22" s="251"/>
      <c r="L22" s="252">
        <v>29.668146526384078</v>
      </c>
      <c r="M22" s="252">
        <v>12.558535547041295</v>
      </c>
      <c r="N22" s="253"/>
    </row>
    <row r="23" spans="2:14" ht="11.4">
      <c r="B23" s="248" t="s">
        <v>463</v>
      </c>
      <c r="C23" s="250">
        <v>2476</v>
      </c>
      <c r="D23" s="250">
        <v>1308</v>
      </c>
      <c r="E23" s="250">
        <v>717</v>
      </c>
      <c r="F23" s="250">
        <v>691</v>
      </c>
      <c r="G23" s="250">
        <v>1276</v>
      </c>
      <c r="H23" s="250">
        <v>6468</v>
      </c>
      <c r="I23" s="250">
        <v>9082</v>
      </c>
      <c r="J23" s="250">
        <v>15550</v>
      </c>
      <c r="K23" s="256"/>
      <c r="L23" s="252">
        <v>30.026260909863289</v>
      </c>
      <c r="M23" s="252">
        <v>12.489379779099405</v>
      </c>
      <c r="N23" s="253"/>
    </row>
    <row r="24" spans="2:14" ht="11.4">
      <c r="B24" s="248" t="s">
        <v>464</v>
      </c>
      <c r="C24" s="250">
        <v>3197</v>
      </c>
      <c r="D24" s="250">
        <v>1276</v>
      </c>
      <c r="E24" s="250">
        <v>680</v>
      </c>
      <c r="F24" s="250">
        <v>1034</v>
      </c>
      <c r="G24" s="250">
        <v>1376</v>
      </c>
      <c r="H24" s="250">
        <v>7563</v>
      </c>
      <c r="I24" s="250">
        <v>8990</v>
      </c>
      <c r="J24" s="250">
        <v>16553</v>
      </c>
      <c r="K24" s="251"/>
      <c r="L24" s="252">
        <v>29.671255467125548</v>
      </c>
      <c r="M24" s="252">
        <v>13.556678855667887</v>
      </c>
      <c r="N24" s="253"/>
    </row>
    <row r="25" spans="2:14" ht="11.4">
      <c r="B25" s="248" t="s">
        <v>465</v>
      </c>
      <c r="C25" s="250">
        <v>4802</v>
      </c>
      <c r="D25" s="250">
        <v>1268</v>
      </c>
      <c r="E25" s="250">
        <v>681</v>
      </c>
      <c r="F25" s="250">
        <v>1097</v>
      </c>
      <c r="G25" s="250">
        <v>812</v>
      </c>
      <c r="H25" s="250">
        <v>8660</v>
      </c>
      <c r="I25" s="250">
        <v>8485</v>
      </c>
      <c r="J25" s="250">
        <v>17145</v>
      </c>
      <c r="K25" s="251"/>
      <c r="L25" s="252">
        <v>29.081996132577942</v>
      </c>
      <c r="M25" s="252">
        <v>14.689418868948673</v>
      </c>
      <c r="N25" s="253"/>
    </row>
    <row r="26" spans="2:14" ht="11.4">
      <c r="B26" s="248" t="s">
        <v>466</v>
      </c>
      <c r="C26" s="250">
        <v>5017</v>
      </c>
      <c r="D26" s="250">
        <v>1278</v>
      </c>
      <c r="E26" s="250">
        <v>716</v>
      </c>
      <c r="F26" s="258">
        <v>1192</v>
      </c>
      <c r="G26" s="258">
        <v>660</v>
      </c>
      <c r="H26" s="250">
        <v>8863</v>
      </c>
      <c r="I26" s="250">
        <v>8149</v>
      </c>
      <c r="J26" s="250">
        <v>17012</v>
      </c>
      <c r="K26" s="251"/>
      <c r="L26" s="252">
        <v>26.113251569527378</v>
      </c>
      <c r="M26" s="252">
        <v>13.604617250218737</v>
      </c>
      <c r="N26" s="253"/>
    </row>
    <row r="27" spans="2:14" ht="11.4">
      <c r="B27" s="248" t="s">
        <v>467</v>
      </c>
      <c r="C27" s="250">
        <v>4919</v>
      </c>
      <c r="D27" s="250">
        <v>1322</v>
      </c>
      <c r="E27" s="250">
        <v>763</v>
      </c>
      <c r="F27" s="250">
        <v>1213</v>
      </c>
      <c r="G27" s="250">
        <v>842</v>
      </c>
      <c r="H27" s="250">
        <v>9059</v>
      </c>
      <c r="I27" s="250">
        <v>7396</v>
      </c>
      <c r="J27" s="250">
        <v>16455</v>
      </c>
      <c r="K27" s="251"/>
      <c r="L27" s="252">
        <v>22.8240515985852</v>
      </c>
      <c r="M27" s="252">
        <v>12.565365143213816</v>
      </c>
      <c r="N27" s="253"/>
    </row>
    <row r="28" spans="2:14" ht="11.4">
      <c r="B28" s="248" t="s">
        <v>468</v>
      </c>
      <c r="C28" s="250">
        <v>4209</v>
      </c>
      <c r="D28" s="250">
        <v>1367</v>
      </c>
      <c r="E28" s="250">
        <v>837</v>
      </c>
      <c r="F28" s="250">
        <v>1244</v>
      </c>
      <c r="G28" s="250">
        <v>1262</v>
      </c>
      <c r="H28" s="250">
        <v>8919</v>
      </c>
      <c r="I28" s="250">
        <v>7340</v>
      </c>
      <c r="J28" s="250">
        <v>16259</v>
      </c>
      <c r="K28" s="251"/>
      <c r="L28" s="252">
        <v>20.727152199686397</v>
      </c>
      <c r="M28" s="252">
        <v>11.370039391660185</v>
      </c>
      <c r="N28" s="253"/>
    </row>
    <row r="29" spans="2:14" ht="11.4">
      <c r="B29" s="248" t="s">
        <v>469</v>
      </c>
      <c r="C29" s="250">
        <v>4726</v>
      </c>
      <c r="D29" s="250">
        <v>1565</v>
      </c>
      <c r="E29" s="250">
        <v>959</v>
      </c>
      <c r="F29" s="250">
        <v>1287</v>
      </c>
      <c r="G29" s="250">
        <v>1281</v>
      </c>
      <c r="H29" s="250">
        <v>9818</v>
      </c>
      <c r="I29" s="250">
        <v>7444</v>
      </c>
      <c r="J29" s="250">
        <v>17262</v>
      </c>
      <c r="K29" s="251"/>
      <c r="L29" s="252">
        <v>20.955641343142254</v>
      </c>
      <c r="M29" s="252">
        <v>11.918809333041979</v>
      </c>
      <c r="N29" s="253"/>
    </row>
    <row r="30" spans="2:14" ht="11.4">
      <c r="B30" s="248" t="s">
        <v>470</v>
      </c>
      <c r="C30" s="250">
        <v>6611</v>
      </c>
      <c r="D30" s="250">
        <v>1939</v>
      </c>
      <c r="E30" s="250">
        <v>1040</v>
      </c>
      <c r="F30" s="250">
        <v>1527</v>
      </c>
      <c r="G30" s="250">
        <v>1431</v>
      </c>
      <c r="H30" s="250">
        <v>12548</v>
      </c>
      <c r="I30" s="250">
        <v>7493</v>
      </c>
      <c r="J30" s="250">
        <v>20041</v>
      </c>
      <c r="K30" s="251"/>
      <c r="L30" s="252">
        <v>23.584583701088555</v>
      </c>
      <c r="M30" s="252">
        <v>14.766696087084435</v>
      </c>
      <c r="N30" s="253"/>
    </row>
    <row r="31" spans="2:14" ht="11.4">
      <c r="B31" s="254" t="s">
        <v>471</v>
      </c>
      <c r="C31" s="250">
        <v>8969</v>
      </c>
      <c r="D31" s="250">
        <v>2426</v>
      </c>
      <c r="E31" s="250">
        <v>1141</v>
      </c>
      <c r="F31" s="250">
        <v>1719</v>
      </c>
      <c r="G31" s="250">
        <v>1641</v>
      </c>
      <c r="H31" s="250">
        <v>15896</v>
      </c>
      <c r="I31" s="250">
        <v>7526</v>
      </c>
      <c r="J31" s="250">
        <v>23422</v>
      </c>
      <c r="K31" s="251"/>
      <c r="L31" s="252">
        <v>25.876374081643927</v>
      </c>
      <c r="M31" s="252">
        <v>17.561730099983428</v>
      </c>
      <c r="N31" s="253"/>
    </row>
    <row r="32" spans="2:14" ht="13.2">
      <c r="B32" s="254" t="s">
        <v>472</v>
      </c>
      <c r="C32" s="250">
        <v>10257</v>
      </c>
      <c r="D32" s="250">
        <v>3054</v>
      </c>
      <c r="E32" s="250">
        <v>1181</v>
      </c>
      <c r="F32" s="250">
        <v>1862</v>
      </c>
      <c r="G32" s="250">
        <v>1627</v>
      </c>
      <c r="H32" s="250">
        <v>17981</v>
      </c>
      <c r="I32" s="250">
        <v>7946</v>
      </c>
      <c r="J32" s="250">
        <v>25927</v>
      </c>
      <c r="K32" s="257"/>
      <c r="L32" s="252">
        <v>26.66810668476975</v>
      </c>
      <c r="M32" s="252">
        <v>18.494975365404592</v>
      </c>
      <c r="N32" s="253"/>
    </row>
    <row r="33" spans="2:14" ht="11.4">
      <c r="B33" s="254" t="s">
        <v>473</v>
      </c>
      <c r="C33" s="250">
        <v>10181</v>
      </c>
      <c r="D33" s="250">
        <v>3631</v>
      </c>
      <c r="E33" s="250">
        <v>1318</v>
      </c>
      <c r="F33" s="250">
        <v>2158</v>
      </c>
      <c r="G33" s="250">
        <v>1749</v>
      </c>
      <c r="H33" s="250">
        <v>19037</v>
      </c>
      <c r="I33" s="250">
        <v>8013</v>
      </c>
      <c r="J33" s="250">
        <v>27050</v>
      </c>
      <c r="K33" s="251"/>
      <c r="L33" s="252">
        <v>26.110542674569011</v>
      </c>
      <c r="M33" s="252">
        <v>18.375837371377827</v>
      </c>
      <c r="N33" s="253"/>
    </row>
    <row r="34" spans="2:14" ht="11.4">
      <c r="B34" s="254" t="s">
        <v>474</v>
      </c>
      <c r="C34" s="250">
        <v>10237</v>
      </c>
      <c r="D34" s="250">
        <v>3990</v>
      </c>
      <c r="E34" s="250">
        <v>1399</v>
      </c>
      <c r="F34" s="250">
        <v>2598</v>
      </c>
      <c r="G34" s="250">
        <v>1695</v>
      </c>
      <c r="H34" s="250">
        <v>19919</v>
      </c>
      <c r="I34" s="250">
        <v>8847</v>
      </c>
      <c r="J34" s="250">
        <v>28766</v>
      </c>
      <c r="K34" s="251"/>
      <c r="L34" s="252">
        <v>26.341767167568658</v>
      </c>
      <c r="M34" s="252">
        <v>18.24034138256275</v>
      </c>
      <c r="N34" s="253"/>
    </row>
    <row r="35" spans="2:14" ht="11.4">
      <c r="B35" s="254" t="s">
        <v>475</v>
      </c>
      <c r="C35" s="250">
        <v>11030</v>
      </c>
      <c r="D35" s="250">
        <v>4230</v>
      </c>
      <c r="E35" s="250">
        <v>1431</v>
      </c>
      <c r="F35" s="250">
        <v>3144</v>
      </c>
      <c r="G35" s="250">
        <v>1440</v>
      </c>
      <c r="H35" s="250">
        <v>21275</v>
      </c>
      <c r="I35" s="250">
        <v>8096</v>
      </c>
      <c r="J35" s="250">
        <v>29371</v>
      </c>
      <c r="K35" s="251"/>
      <c r="L35" s="252">
        <v>26.098276168473433</v>
      </c>
      <c r="M35" s="252">
        <v>18.904389550382085</v>
      </c>
      <c r="N35" s="253"/>
    </row>
    <row r="36" spans="2:14" ht="11.4">
      <c r="B36" s="254" t="s">
        <v>476</v>
      </c>
      <c r="C36" s="250">
        <v>11488</v>
      </c>
      <c r="D36" s="250">
        <v>4352</v>
      </c>
      <c r="E36" s="250">
        <v>1417</v>
      </c>
      <c r="F36" s="250">
        <v>3463</v>
      </c>
      <c r="G36" s="250">
        <v>1431</v>
      </c>
      <c r="H36" s="250">
        <v>22151</v>
      </c>
      <c r="I36" s="250">
        <v>8204</v>
      </c>
      <c r="J36" s="250">
        <v>30355</v>
      </c>
      <c r="K36" s="251"/>
      <c r="L36" s="252">
        <v>25.597672555550872</v>
      </c>
      <c r="M36" s="252">
        <v>18.679428258211409</v>
      </c>
      <c r="N36" s="253"/>
    </row>
    <row r="37" spans="2:14" ht="11.4">
      <c r="B37" s="254" t="s">
        <v>477</v>
      </c>
      <c r="C37" s="250">
        <v>11707</v>
      </c>
      <c r="D37" s="250">
        <v>5023</v>
      </c>
      <c r="E37" s="250">
        <v>1494</v>
      </c>
      <c r="F37" s="250">
        <v>3678</v>
      </c>
      <c r="G37" s="250">
        <v>1330</v>
      </c>
      <c r="H37" s="250">
        <v>23232</v>
      </c>
      <c r="I37" s="250">
        <v>8910</v>
      </c>
      <c r="J37" s="250">
        <v>32142</v>
      </c>
      <c r="K37" s="251"/>
      <c r="L37" s="252">
        <v>26.835316217908577</v>
      </c>
      <c r="M37" s="252">
        <v>19.39636819035692</v>
      </c>
      <c r="N37" s="253"/>
    </row>
    <row r="38" spans="2:14" ht="11.4">
      <c r="B38" s="254" t="s">
        <v>478</v>
      </c>
      <c r="C38" s="250">
        <v>13295</v>
      </c>
      <c r="D38" s="250">
        <v>5429</v>
      </c>
      <c r="E38" s="250">
        <v>1679</v>
      </c>
      <c r="F38" s="250">
        <v>3527</v>
      </c>
      <c r="G38" s="250">
        <v>1276</v>
      </c>
      <c r="H38" s="250">
        <v>25206</v>
      </c>
      <c r="I38" s="250">
        <v>9232</v>
      </c>
      <c r="J38" s="250">
        <v>34438</v>
      </c>
      <c r="K38" s="251"/>
      <c r="L38" s="252">
        <v>27.406134110044722</v>
      </c>
      <c r="M38" s="252">
        <v>20.059208327364754</v>
      </c>
      <c r="N38" s="253"/>
    </row>
    <row r="39" spans="2:14" ht="11.4">
      <c r="B39" s="254" t="s">
        <v>479</v>
      </c>
      <c r="C39" s="250">
        <v>11578</v>
      </c>
      <c r="D39" s="250">
        <v>5737</v>
      </c>
      <c r="E39" s="250">
        <v>2028</v>
      </c>
      <c r="F39" s="250">
        <v>4234</v>
      </c>
      <c r="G39" s="250">
        <v>1527</v>
      </c>
      <c r="H39" s="250">
        <v>25104</v>
      </c>
      <c r="I39" s="250">
        <v>8684</v>
      </c>
      <c r="J39" s="250">
        <v>33788</v>
      </c>
      <c r="K39" s="251"/>
      <c r="L39" s="252">
        <v>24.769263475819397</v>
      </c>
      <c r="M39" s="252">
        <v>18.403207952437853</v>
      </c>
      <c r="N39" s="253"/>
    </row>
    <row r="40" spans="2:14" ht="11.4">
      <c r="B40" s="254" t="s">
        <v>480</v>
      </c>
      <c r="C40" s="250">
        <v>13319</v>
      </c>
      <c r="D40" s="250">
        <v>6118</v>
      </c>
      <c r="E40" s="250">
        <v>2186</v>
      </c>
      <c r="F40" s="250">
        <v>4685</v>
      </c>
      <c r="G40" s="250">
        <v>1196</v>
      </c>
      <c r="H40" s="250">
        <v>27504</v>
      </c>
      <c r="I40" s="250">
        <v>8578</v>
      </c>
      <c r="J40" s="250">
        <v>36082</v>
      </c>
      <c r="K40" s="251"/>
      <c r="L40" s="252">
        <v>25.992868205885532</v>
      </c>
      <c r="M40" s="252">
        <v>19.813420739833592</v>
      </c>
      <c r="N40" s="253"/>
    </row>
    <row r="41" spans="2:14" ht="11.4">
      <c r="B41" s="254" t="s">
        <v>481</v>
      </c>
      <c r="C41" s="250">
        <v>14957</v>
      </c>
      <c r="D41" s="250">
        <v>6394</v>
      </c>
      <c r="E41" s="250">
        <v>2265</v>
      </c>
      <c r="F41" s="250">
        <v>4835</v>
      </c>
      <c r="G41" s="250">
        <v>919</v>
      </c>
      <c r="H41" s="250">
        <v>29370</v>
      </c>
      <c r="I41" s="250">
        <v>7487</v>
      </c>
      <c r="J41" s="250">
        <v>36857</v>
      </c>
      <c r="K41" s="251"/>
      <c r="L41" s="252">
        <v>25.596383157514602</v>
      </c>
      <c r="M41" s="252">
        <v>20.396824845652219</v>
      </c>
      <c r="N41" s="253"/>
    </row>
    <row r="42" spans="2:14" ht="11.4">
      <c r="B42" s="254" t="s">
        <v>482</v>
      </c>
      <c r="C42" s="250">
        <v>15180</v>
      </c>
      <c r="D42" s="250">
        <v>6829</v>
      </c>
      <c r="E42" s="250">
        <v>2343</v>
      </c>
      <c r="F42" s="250">
        <v>4931</v>
      </c>
      <c r="G42" s="250">
        <v>717</v>
      </c>
      <c r="H42" s="250">
        <v>30000</v>
      </c>
      <c r="I42" s="250">
        <v>7775</v>
      </c>
      <c r="J42" s="250">
        <v>37775</v>
      </c>
      <c r="K42" s="259"/>
      <c r="L42" s="252">
        <v>24.858842574922019</v>
      </c>
      <c r="M42" s="252">
        <v>19.742297213703786</v>
      </c>
      <c r="N42" s="253"/>
    </row>
    <row r="43" spans="2:14" ht="11.4">
      <c r="B43" s="254" t="s">
        <v>483</v>
      </c>
      <c r="C43" s="250">
        <v>13969</v>
      </c>
      <c r="D43" s="250">
        <v>7122</v>
      </c>
      <c r="E43" s="250">
        <v>2253</v>
      </c>
      <c r="F43" s="250">
        <v>4644</v>
      </c>
      <c r="G43" s="250">
        <v>660</v>
      </c>
      <c r="H43" s="250">
        <v>28648</v>
      </c>
      <c r="I43" s="250">
        <v>7221</v>
      </c>
      <c r="J43" s="250">
        <v>35869</v>
      </c>
      <c r="K43" s="260"/>
      <c r="L43" s="252">
        <v>21.79161603888214</v>
      </c>
      <c r="M43" s="252">
        <v>17.404617253948967</v>
      </c>
      <c r="N43" s="253"/>
    </row>
    <row r="44" spans="2:14" ht="11.4">
      <c r="B44" s="254" t="s">
        <v>484</v>
      </c>
      <c r="C44" s="250">
        <v>11343</v>
      </c>
      <c r="D44" s="250">
        <v>7612</v>
      </c>
      <c r="E44" s="250">
        <v>2635</v>
      </c>
      <c r="F44" s="250">
        <v>4883</v>
      </c>
      <c r="G44" s="250">
        <v>742</v>
      </c>
      <c r="H44" s="250">
        <v>27215</v>
      </c>
      <c r="I44" s="250">
        <v>7242</v>
      </c>
      <c r="J44" s="250">
        <v>34457</v>
      </c>
      <c r="K44" s="260"/>
      <c r="L44" s="252">
        <v>19.445588807936929</v>
      </c>
      <c r="M44" s="252">
        <v>15.358612166120194</v>
      </c>
      <c r="N44" s="253"/>
    </row>
    <row r="45" spans="2:14" ht="11.4">
      <c r="B45" s="254" t="s">
        <v>485</v>
      </c>
      <c r="C45" s="250">
        <v>8889</v>
      </c>
      <c r="D45" s="250">
        <v>8026</v>
      </c>
      <c r="E45" s="250">
        <v>3053</v>
      </c>
      <c r="F45" s="250">
        <v>5436</v>
      </c>
      <c r="G45" s="250">
        <v>533</v>
      </c>
      <c r="H45" s="250">
        <v>25937</v>
      </c>
      <c r="I45" s="250">
        <v>7502</v>
      </c>
      <c r="J45" s="250">
        <v>33439</v>
      </c>
      <c r="K45" s="260"/>
      <c r="L45" s="252">
        <v>17.555216060563104</v>
      </c>
      <c r="M45" s="252">
        <v>13.616724153318739</v>
      </c>
      <c r="N45" s="253"/>
    </row>
    <row r="46" spans="2:14" ht="11.4">
      <c r="B46" s="254" t="s">
        <v>486</v>
      </c>
      <c r="C46" s="250">
        <v>7604</v>
      </c>
      <c r="D46" s="250">
        <v>8638</v>
      </c>
      <c r="E46" s="250">
        <v>3511</v>
      </c>
      <c r="F46" s="250">
        <v>6143</v>
      </c>
      <c r="G46" s="250">
        <v>653</v>
      </c>
      <c r="H46" s="250">
        <v>26549</v>
      </c>
      <c r="I46" s="250">
        <v>8088</v>
      </c>
      <c r="J46" s="250">
        <v>34637</v>
      </c>
      <c r="K46" s="260"/>
      <c r="L46" s="252">
        <v>17.280482937537418</v>
      </c>
      <c r="M46" s="252">
        <v>13.245360207543404</v>
      </c>
      <c r="N46" s="253"/>
    </row>
    <row r="47" spans="2:14" ht="11.4">
      <c r="B47" s="254" t="s">
        <v>487</v>
      </c>
      <c r="C47" s="250">
        <v>5744</v>
      </c>
      <c r="D47" s="250">
        <v>9133</v>
      </c>
      <c r="E47" s="250">
        <v>3936</v>
      </c>
      <c r="F47" s="250">
        <v>6831</v>
      </c>
      <c r="G47" s="250">
        <v>758</v>
      </c>
      <c r="H47" s="250">
        <v>26402</v>
      </c>
      <c r="I47" s="250">
        <v>11612</v>
      </c>
      <c r="J47" s="250">
        <v>38014</v>
      </c>
      <c r="K47" s="260"/>
      <c r="L47" s="252">
        <v>18.415226690306984</v>
      </c>
      <c r="M47" s="252">
        <v>12.789993557044379</v>
      </c>
      <c r="N47" s="253"/>
    </row>
    <row r="48" spans="2:14" ht="11.4">
      <c r="B48" s="254" t="s">
        <v>488</v>
      </c>
      <c r="C48" s="250">
        <v>7359</v>
      </c>
      <c r="D48" s="250">
        <v>9601</v>
      </c>
      <c r="E48" s="250">
        <v>4389</v>
      </c>
      <c r="F48" s="250">
        <v>7502</v>
      </c>
      <c r="G48" s="250">
        <v>1117</v>
      </c>
      <c r="H48" s="250">
        <v>29968</v>
      </c>
      <c r="I48" s="250">
        <v>11917</v>
      </c>
      <c r="J48" s="250">
        <v>41885</v>
      </c>
      <c r="K48" s="260"/>
      <c r="L48" s="252">
        <v>21.134933570156271</v>
      </c>
      <c r="M48" s="252">
        <v>15.121682923014044</v>
      </c>
      <c r="N48" s="261"/>
    </row>
    <row r="49" spans="1:14" ht="11.4">
      <c r="B49" s="254" t="s">
        <v>489</v>
      </c>
      <c r="C49" s="250">
        <v>6964</v>
      </c>
      <c r="D49" s="250">
        <v>10108</v>
      </c>
      <c r="E49" s="250">
        <v>4895</v>
      </c>
      <c r="F49" s="250">
        <v>8095</v>
      </c>
      <c r="G49" s="250">
        <v>1759</v>
      </c>
      <c r="H49" s="250">
        <v>31821</v>
      </c>
      <c r="I49" s="250">
        <v>13333</v>
      </c>
      <c r="J49" s="250">
        <v>45154</v>
      </c>
      <c r="K49" s="260"/>
      <c r="L49" s="252">
        <v>21.814580414512779</v>
      </c>
      <c r="M49" s="252">
        <v>15.373206435093485</v>
      </c>
      <c r="N49" s="261"/>
    </row>
    <row r="50" spans="1:14" ht="11.4">
      <c r="B50" s="254" t="s">
        <v>490</v>
      </c>
      <c r="C50" s="250">
        <v>7813</v>
      </c>
      <c r="D50" s="250">
        <v>10592</v>
      </c>
      <c r="E50" s="250">
        <v>5293</v>
      </c>
      <c r="F50" s="250">
        <v>8644</v>
      </c>
      <c r="G50" s="250">
        <v>2317</v>
      </c>
      <c r="H50" s="250">
        <v>34659</v>
      </c>
      <c r="I50" s="250">
        <v>15534</v>
      </c>
      <c r="J50" s="250">
        <v>50193</v>
      </c>
      <c r="K50" s="260"/>
      <c r="L50" s="252">
        <v>22.943168884358531</v>
      </c>
      <c r="M50" s="252">
        <v>15.842593396748198</v>
      </c>
      <c r="N50" s="261"/>
    </row>
    <row r="51" spans="1:14" ht="11.4">
      <c r="B51" s="254" t="s">
        <v>491</v>
      </c>
      <c r="C51" s="250">
        <v>9408</v>
      </c>
      <c r="D51" s="250">
        <v>11145</v>
      </c>
      <c r="E51" s="250">
        <v>5691</v>
      </c>
      <c r="F51" s="250">
        <v>9421</v>
      </c>
      <c r="G51" s="250">
        <v>2517</v>
      </c>
      <c r="H51" s="250">
        <v>38182</v>
      </c>
      <c r="I51" s="250">
        <v>17634</v>
      </c>
      <c r="J51" s="250">
        <v>55816</v>
      </c>
      <c r="K51" s="260"/>
      <c r="L51" s="252">
        <v>24.992835649806562</v>
      </c>
      <c r="M51" s="252">
        <v>17.096826192864306</v>
      </c>
      <c r="N51" s="261"/>
    </row>
    <row r="52" spans="1:14" ht="11.4">
      <c r="B52" s="254" t="s">
        <v>492</v>
      </c>
      <c r="C52" s="250">
        <v>10223</v>
      </c>
      <c r="D52" s="250">
        <v>11631</v>
      </c>
      <c r="E52" s="250">
        <v>6038</v>
      </c>
      <c r="F52" s="250">
        <v>10229</v>
      </c>
      <c r="G52" s="250">
        <v>2947</v>
      </c>
      <c r="H52" s="250">
        <v>41068</v>
      </c>
      <c r="I52" s="250">
        <v>19625</v>
      </c>
      <c r="J52" s="250">
        <v>60693</v>
      </c>
      <c r="K52" s="260"/>
      <c r="L52" s="252">
        <v>26.276187218862155</v>
      </c>
      <c r="M52" s="252">
        <v>17.779817387577332</v>
      </c>
      <c r="N52" s="261"/>
    </row>
    <row r="53" spans="1:14" ht="11.4">
      <c r="B53" s="254" t="s">
        <v>493</v>
      </c>
      <c r="C53" s="250">
        <v>9280</v>
      </c>
      <c r="D53" s="250">
        <v>12118</v>
      </c>
      <c r="E53" s="250">
        <v>6522</v>
      </c>
      <c r="F53" s="250">
        <v>10725</v>
      </c>
      <c r="G53" s="250">
        <v>3235</v>
      </c>
      <c r="H53" s="250">
        <v>41880</v>
      </c>
      <c r="I53" s="250">
        <v>21040</v>
      </c>
      <c r="J53" s="250">
        <v>62920</v>
      </c>
      <c r="K53" s="260"/>
      <c r="L53" s="252">
        <v>25.800419892402569</v>
      </c>
      <c r="M53" s="252">
        <v>17.172943183309279</v>
      </c>
      <c r="N53" s="261"/>
    </row>
    <row r="54" spans="1:14" ht="11.4">
      <c r="B54" s="254" t="s">
        <v>494</v>
      </c>
      <c r="C54" s="250">
        <v>8034</v>
      </c>
      <c r="D54" s="250">
        <v>12764</v>
      </c>
      <c r="E54" s="250">
        <v>6998</v>
      </c>
      <c r="F54" s="250">
        <v>11457</v>
      </c>
      <c r="G54" s="250">
        <v>3466</v>
      </c>
      <c r="H54" s="250">
        <v>42719</v>
      </c>
      <c r="I54" s="250">
        <v>22532</v>
      </c>
      <c r="J54" s="250">
        <v>65251</v>
      </c>
      <c r="K54" s="260"/>
      <c r="L54" s="252">
        <v>26.018805027433967</v>
      </c>
      <c r="M54" s="252">
        <v>17.034180808983031</v>
      </c>
      <c r="N54" s="261"/>
    </row>
    <row r="55" spans="1:14" ht="11.4">
      <c r="B55" s="254" t="s">
        <v>495</v>
      </c>
      <c r="C55" s="250">
        <v>4644</v>
      </c>
      <c r="D55" s="250">
        <v>13457</v>
      </c>
      <c r="E55" s="250">
        <v>7552</v>
      </c>
      <c r="F55" s="250">
        <v>12242</v>
      </c>
      <c r="G55" s="250">
        <v>3604</v>
      </c>
      <c r="H55" s="250">
        <v>41499</v>
      </c>
      <c r="I55" s="250">
        <v>24338</v>
      </c>
      <c r="J55" s="250">
        <v>65837</v>
      </c>
      <c r="K55" s="260"/>
      <c r="L55" s="252">
        <v>24.946573100124283</v>
      </c>
      <c r="M55" s="252">
        <v>15.724559701718754</v>
      </c>
      <c r="N55" s="261"/>
    </row>
    <row r="56" spans="1:14" ht="11.4">
      <c r="B56" s="254" t="s">
        <v>496</v>
      </c>
      <c r="C56" s="250">
        <v>1156</v>
      </c>
      <c r="D56" s="250">
        <v>14236</v>
      </c>
      <c r="E56" s="250">
        <v>7903</v>
      </c>
      <c r="F56" s="250">
        <v>16154</v>
      </c>
      <c r="G56" s="250">
        <v>4158</v>
      </c>
      <c r="H56" s="250">
        <v>43607</v>
      </c>
      <c r="I56" s="250">
        <v>21312</v>
      </c>
      <c r="J56" s="250">
        <v>64919</v>
      </c>
      <c r="K56" s="260"/>
      <c r="L56" s="252">
        <v>22.997842590591709</v>
      </c>
      <c r="M56" s="252">
        <v>15.447972424836069</v>
      </c>
      <c r="N56" s="262"/>
    </row>
    <row r="57" spans="1:14" ht="11.4">
      <c r="B57" s="254" t="s">
        <v>497</v>
      </c>
      <c r="C57" s="250">
        <v>0</v>
      </c>
      <c r="D57" s="250">
        <v>14274</v>
      </c>
      <c r="E57" s="250">
        <v>7968</v>
      </c>
      <c r="F57" s="250">
        <v>16767</v>
      </c>
      <c r="G57" s="250">
        <v>3672</v>
      </c>
      <c r="H57" s="250">
        <v>42681</v>
      </c>
      <c r="I57" s="250">
        <v>23281</v>
      </c>
      <c r="J57" s="250">
        <v>65962</v>
      </c>
      <c r="K57" s="260"/>
      <c r="L57" s="252">
        <v>22.180152794964222</v>
      </c>
      <c r="M57" s="252">
        <v>14.35176467423468</v>
      </c>
      <c r="N57" s="263"/>
    </row>
    <row r="58" spans="1:14" ht="11.4">
      <c r="B58" s="254" t="s">
        <v>498</v>
      </c>
      <c r="C58" s="250">
        <v>0</v>
      </c>
      <c r="D58" s="250">
        <v>15445</v>
      </c>
      <c r="E58" s="250">
        <v>8507</v>
      </c>
      <c r="F58" s="250">
        <v>17659</v>
      </c>
      <c r="G58" s="250">
        <v>4618</v>
      </c>
      <c r="H58" s="250">
        <v>46229</v>
      </c>
      <c r="I58" s="250">
        <v>25932</v>
      </c>
      <c r="J58" s="250">
        <v>72161</v>
      </c>
      <c r="K58" s="260"/>
      <c r="L58" s="252">
        <v>23.353603479690481</v>
      </c>
      <c r="M58" s="252">
        <v>14.961180350363923</v>
      </c>
      <c r="N58" s="263"/>
    </row>
    <row r="59" spans="1:14" ht="11.4">
      <c r="B59" s="254" t="s">
        <v>499</v>
      </c>
      <c r="C59" s="250">
        <v>8746</v>
      </c>
      <c r="D59" s="250">
        <v>16861</v>
      </c>
      <c r="E59" s="250">
        <v>9359</v>
      </c>
      <c r="F59" s="250">
        <v>18782</v>
      </c>
      <c r="G59" s="250">
        <v>6002</v>
      </c>
      <c r="H59" s="250">
        <v>59750</v>
      </c>
      <c r="I59" s="250">
        <v>27350</v>
      </c>
      <c r="J59" s="250">
        <v>87100</v>
      </c>
      <c r="K59" s="260"/>
      <c r="L59" s="252">
        <v>28.333311646910335</v>
      </c>
      <c r="M59" s="252">
        <v>19.436456611973508</v>
      </c>
      <c r="N59" s="263"/>
    </row>
    <row r="60" spans="1:14" ht="11.4">
      <c r="B60" s="254" t="s">
        <v>500</v>
      </c>
      <c r="C60" s="250">
        <v>7233</v>
      </c>
      <c r="D60" s="250">
        <v>18021</v>
      </c>
      <c r="E60" s="250">
        <v>10062</v>
      </c>
      <c r="F60" s="250">
        <v>20072</v>
      </c>
      <c r="G60" s="250">
        <v>6953</v>
      </c>
      <c r="H60" s="250">
        <v>62341</v>
      </c>
      <c r="I60" s="250">
        <v>28325</v>
      </c>
      <c r="J60" s="250">
        <v>90666</v>
      </c>
      <c r="K60" s="264"/>
      <c r="L60" s="252">
        <v>25.472485299364777</v>
      </c>
      <c r="M60" s="252">
        <v>17.514616350646321</v>
      </c>
      <c r="N60" s="263"/>
    </row>
    <row r="61" spans="1:14" ht="11.4">
      <c r="B61" s="254" t="s">
        <v>501</v>
      </c>
      <c r="C61" s="250">
        <v>0</v>
      </c>
      <c r="D61" s="250">
        <v>17326</v>
      </c>
      <c r="E61" s="250">
        <v>10269</v>
      </c>
      <c r="F61" s="250">
        <v>24390</v>
      </c>
      <c r="G61" s="250">
        <v>7903</v>
      </c>
      <c r="H61" s="250">
        <v>59888</v>
      </c>
      <c r="I61" s="250">
        <v>29492</v>
      </c>
      <c r="J61" s="250">
        <v>89380</v>
      </c>
      <c r="K61" s="264"/>
      <c r="L61" s="252">
        <v>22.61553837784497</v>
      </c>
      <c r="M61" s="252">
        <v>15.153271004390016</v>
      </c>
      <c r="N61" s="263"/>
    </row>
    <row r="62" spans="1:14" ht="11.4">
      <c r="B62" s="254" t="s">
        <v>502</v>
      </c>
      <c r="C62" s="250">
        <v>8729</v>
      </c>
      <c r="D62" s="250">
        <v>18538</v>
      </c>
      <c r="E62" s="250">
        <v>12496</v>
      </c>
      <c r="F62" s="250">
        <v>26786</v>
      </c>
      <c r="G62" s="250">
        <v>8853</v>
      </c>
      <c r="H62" s="250">
        <v>75402</v>
      </c>
      <c r="I62" s="250">
        <v>32060</v>
      </c>
      <c r="J62" s="250">
        <v>107462</v>
      </c>
      <c r="K62" s="264"/>
      <c r="L62" s="265">
        <v>26.334981791804108</v>
      </c>
      <c r="M62" s="252">
        <v>18.478255542104307</v>
      </c>
      <c r="N62" s="263"/>
    </row>
    <row r="63" spans="1:14" ht="2.25" customHeight="1">
      <c r="A63" s="266"/>
      <c r="B63" s="267"/>
      <c r="C63" s="268"/>
      <c r="D63" s="268"/>
      <c r="E63" s="268"/>
      <c r="F63" s="268"/>
      <c r="G63" s="268"/>
      <c r="H63" s="268"/>
      <c r="I63" s="268"/>
      <c r="J63" s="268"/>
      <c r="K63" s="269"/>
      <c r="L63" s="270"/>
      <c r="M63" s="270"/>
      <c r="N63" s="253"/>
    </row>
    <row r="64" spans="1:14" ht="2.25" customHeight="1">
      <c r="B64" s="271"/>
      <c r="C64" s="272"/>
      <c r="D64" s="272"/>
      <c r="E64" s="272"/>
      <c r="F64" s="272"/>
      <c r="G64" s="272"/>
      <c r="H64" s="272"/>
      <c r="I64" s="272"/>
      <c r="J64" s="272"/>
      <c r="K64" s="253"/>
      <c r="L64" s="273"/>
      <c r="M64" s="273"/>
      <c r="N64" s="253"/>
    </row>
    <row r="65" spans="1:14" ht="31.5" customHeight="1">
      <c r="A65" s="274">
        <v>1</v>
      </c>
      <c r="B65" s="307" t="s">
        <v>503</v>
      </c>
      <c r="C65" s="308"/>
      <c r="D65" s="308"/>
      <c r="E65" s="308"/>
      <c r="F65" s="308"/>
      <c r="G65" s="308"/>
      <c r="H65" s="308"/>
      <c r="I65" s="308"/>
      <c r="J65" s="308"/>
      <c r="K65" s="308"/>
      <c r="L65" s="308"/>
      <c r="M65" s="308"/>
      <c r="N65" s="275"/>
    </row>
    <row r="66" spans="1:14" ht="31.2" customHeight="1">
      <c r="A66" s="274">
        <v>2</v>
      </c>
      <c r="B66" s="307" t="s">
        <v>504</v>
      </c>
      <c r="C66" s="309"/>
      <c r="D66" s="309"/>
      <c r="E66" s="309"/>
      <c r="F66" s="309"/>
      <c r="G66" s="309"/>
      <c r="H66" s="309"/>
      <c r="I66" s="309"/>
      <c r="J66" s="309"/>
      <c r="K66" s="309"/>
      <c r="L66" s="309"/>
      <c r="M66" s="309"/>
      <c r="N66" s="275"/>
    </row>
    <row r="67" spans="1:14" ht="12" customHeight="1">
      <c r="A67" s="274">
        <v>3</v>
      </c>
      <c r="B67" s="307" t="s">
        <v>505</v>
      </c>
      <c r="C67" s="309"/>
      <c r="D67" s="309"/>
      <c r="E67" s="309"/>
      <c r="F67" s="309"/>
      <c r="G67" s="309"/>
      <c r="H67" s="309"/>
      <c r="I67" s="309"/>
      <c r="J67" s="309"/>
      <c r="K67" s="309"/>
      <c r="L67" s="309"/>
      <c r="M67" s="309"/>
      <c r="N67" s="275"/>
    </row>
  </sheetData>
  <mergeCells count="17">
    <mergeCell ref="B65:M65"/>
    <mergeCell ref="B66:M66"/>
    <mergeCell ref="B67:M67"/>
    <mergeCell ref="I3:I6"/>
    <mergeCell ref="J3:J6"/>
    <mergeCell ref="L3:L6"/>
    <mergeCell ref="M3:M6"/>
    <mergeCell ref="C7:J7"/>
    <mergeCell ref="L7:M7"/>
    <mergeCell ref="C2:H2"/>
    <mergeCell ref="B3:B6"/>
    <mergeCell ref="C3:C6"/>
    <mergeCell ref="D3:D6"/>
    <mergeCell ref="E3:E6"/>
    <mergeCell ref="F3:F6"/>
    <mergeCell ref="G3:G6"/>
    <mergeCell ref="H3:H6"/>
  </mergeCells>
  <printOptions verticalCentered="1"/>
  <pageMargins left="0.9055118110236221" right="0.51181102362204722" top="0.39370078740157483" bottom="0.35433070866141736" header="0.31496062992125984" footer="0.31496062992125984"/>
  <pageSetup scale="86" orientation="portrait" r:id="rId1"/>
  <headerFooter alignWithMargins="0">
    <oddFooter>&amp;L&amp;"Arial,Regular"J:\FEP\ECB\Review\2005-06\Fiscal Tables\Debt\&amp;F&amp;R&amp;"Arial,Regular"&amp;D  &amp;T</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6E4A2B-295F-46E2-BCA3-520FEBAB47F1}">
  <sheetPr>
    <pageSetUpPr fitToPage="1"/>
  </sheetPr>
  <dimension ref="A1:Q45"/>
  <sheetViews>
    <sheetView showGridLines="0" view="pageBreakPreview" topLeftCell="A19" zoomScaleNormal="100" zoomScaleSheetLayoutView="100" workbookViewId="0">
      <selection activeCell="G16" sqref="G16"/>
    </sheetView>
  </sheetViews>
  <sheetFormatPr defaultColWidth="8.88671875" defaultRowHeight="12"/>
  <cols>
    <col min="1" max="1" width="1.5546875" style="115" customWidth="1"/>
    <col min="2" max="2" width="2" style="60" customWidth="1"/>
    <col min="3" max="3" width="4.44140625" style="60" customWidth="1"/>
    <col min="4" max="4" width="25.5546875" style="60" customWidth="1"/>
    <col min="5" max="5" width="9" style="59" customWidth="1"/>
    <col min="6" max="8" width="9" style="59" bestFit="1" customWidth="1"/>
    <col min="9" max="9" width="9" style="71" bestFit="1" customWidth="1"/>
    <col min="10" max="10" width="8.88671875" style="71" customWidth="1"/>
    <col min="11" max="11" width="8.5546875" style="71" bestFit="1" customWidth="1"/>
    <col min="12" max="12" width="9" style="71" bestFit="1" customWidth="1"/>
    <col min="13" max="13" width="9" style="71" customWidth="1"/>
    <col min="14" max="14" width="9" style="71" bestFit="1" customWidth="1"/>
    <col min="15" max="16" width="9" style="71" customWidth="1"/>
    <col min="17" max="17" width="8" style="69" customWidth="1"/>
    <col min="18" max="16384" width="8.88671875" style="59"/>
  </cols>
  <sheetData>
    <row r="1" spans="1:17" s="4" customFormat="1" ht="17.25" customHeight="1">
      <c r="A1" s="1" t="s">
        <v>29</v>
      </c>
      <c r="B1" s="2"/>
      <c r="C1" s="2"/>
      <c r="D1" s="2"/>
      <c r="E1" s="2"/>
      <c r="F1" s="2"/>
      <c r="G1" s="2"/>
      <c r="H1" s="3"/>
      <c r="I1" s="72"/>
      <c r="J1" s="72"/>
      <c r="K1" s="72"/>
      <c r="L1" s="72"/>
      <c r="M1" s="72"/>
      <c r="N1" s="72"/>
      <c r="O1" s="72"/>
      <c r="P1" s="72"/>
      <c r="Q1" s="73"/>
    </row>
    <row r="2" spans="1:17" s="11" customFormat="1" ht="35.1" customHeight="1">
      <c r="A2" s="5" t="s">
        <v>1</v>
      </c>
      <c r="B2" s="5"/>
      <c r="C2" s="5"/>
      <c r="D2" s="5"/>
      <c r="E2" s="7" t="s">
        <v>2</v>
      </c>
      <c r="F2" s="7" t="s">
        <v>3</v>
      </c>
      <c r="G2" s="7" t="s">
        <v>4</v>
      </c>
      <c r="H2" s="7" t="s">
        <v>5</v>
      </c>
      <c r="I2" s="7" t="s">
        <v>6</v>
      </c>
      <c r="J2" s="7" t="s">
        <v>7</v>
      </c>
      <c r="K2" s="7" t="s">
        <v>8</v>
      </c>
      <c r="L2" s="7" t="s">
        <v>9</v>
      </c>
      <c r="M2" s="7" t="s">
        <v>10</v>
      </c>
      <c r="N2" s="7" t="s">
        <v>11</v>
      </c>
      <c r="O2" s="7" t="s">
        <v>12</v>
      </c>
      <c r="P2" s="74" t="s">
        <v>13</v>
      </c>
      <c r="Q2" s="10" t="s">
        <v>30</v>
      </c>
    </row>
    <row r="3" spans="1:17" s="18" customFormat="1" ht="14.25" customHeight="1">
      <c r="A3" s="12" t="s">
        <v>31</v>
      </c>
      <c r="B3" s="13"/>
      <c r="C3" s="13"/>
      <c r="D3" s="13"/>
      <c r="E3" s="14"/>
      <c r="F3" s="14"/>
      <c r="G3" s="14"/>
      <c r="H3" s="14"/>
      <c r="I3" s="14"/>
      <c r="J3" s="14"/>
      <c r="K3" s="14"/>
      <c r="L3" s="14"/>
      <c r="M3" s="14"/>
      <c r="N3" s="14"/>
      <c r="O3" s="14"/>
      <c r="P3" s="75"/>
      <c r="Q3" s="76" t="s">
        <v>15</v>
      </c>
    </row>
    <row r="4" spans="1:17" s="18" customFormat="1" ht="11.1" customHeight="1">
      <c r="A4" s="12"/>
      <c r="B4" s="29" t="s">
        <v>32</v>
      </c>
      <c r="C4" s="29"/>
      <c r="D4" s="29"/>
      <c r="E4" s="30">
        <v>3173</v>
      </c>
      <c r="F4" s="30">
        <v>2801</v>
      </c>
      <c r="G4" s="30">
        <v>3675</v>
      </c>
      <c r="H4" s="30">
        <v>3892</v>
      </c>
      <c r="I4" s="30">
        <v>4232</v>
      </c>
      <c r="J4" s="30">
        <v>3440</v>
      </c>
      <c r="K4" s="30">
        <v>3029</v>
      </c>
      <c r="L4" s="30">
        <v>3985</v>
      </c>
      <c r="M4" s="30">
        <v>6560</v>
      </c>
      <c r="N4" s="30">
        <v>7142</v>
      </c>
      <c r="O4" s="30">
        <v>8247</v>
      </c>
      <c r="P4" s="77">
        <v>6768</v>
      </c>
      <c r="Q4" s="21">
        <v>7.1292851779734212</v>
      </c>
    </row>
    <row r="5" spans="1:17" s="18" customFormat="1" ht="13.5" customHeight="1">
      <c r="A5" s="12"/>
      <c r="B5" s="78" t="s">
        <v>33</v>
      </c>
      <c r="C5" s="78"/>
      <c r="D5" s="78"/>
      <c r="E5" s="30">
        <v>8261</v>
      </c>
      <c r="F5" s="30">
        <v>9409</v>
      </c>
      <c r="G5" s="30">
        <v>9190</v>
      </c>
      <c r="H5" s="30">
        <v>9711</v>
      </c>
      <c r="I5" s="30">
        <v>10218</v>
      </c>
      <c r="J5" s="30">
        <v>11749</v>
      </c>
      <c r="K5" s="30">
        <v>12646</v>
      </c>
      <c r="L5" s="30">
        <v>12413</v>
      </c>
      <c r="M5" s="30">
        <v>15413</v>
      </c>
      <c r="N5" s="30">
        <v>17109</v>
      </c>
      <c r="O5" s="30">
        <v>19074</v>
      </c>
      <c r="P5" s="77">
        <v>22057</v>
      </c>
      <c r="Q5" s="21">
        <v>9.3387195762952402</v>
      </c>
    </row>
    <row r="6" spans="1:17" s="18" customFormat="1" ht="11.1" customHeight="1">
      <c r="A6" s="12"/>
      <c r="B6" s="29" t="s">
        <v>34</v>
      </c>
      <c r="C6" s="29"/>
      <c r="D6" s="29"/>
      <c r="E6" s="30">
        <v>1778</v>
      </c>
      <c r="F6" s="30">
        <v>835</v>
      </c>
      <c r="G6" s="30">
        <v>977</v>
      </c>
      <c r="H6" s="30">
        <v>1580</v>
      </c>
      <c r="I6" s="30">
        <v>1087</v>
      </c>
      <c r="J6" s="30">
        <v>1348</v>
      </c>
      <c r="K6" s="30">
        <v>752</v>
      </c>
      <c r="L6" s="30">
        <v>692</v>
      </c>
      <c r="M6" s="30">
        <v>492</v>
      </c>
      <c r="N6" s="30">
        <v>510</v>
      </c>
      <c r="O6" s="30">
        <v>521</v>
      </c>
      <c r="P6" s="77">
        <v>491</v>
      </c>
      <c r="Q6" s="21">
        <v>-11.039865572728068</v>
      </c>
    </row>
    <row r="7" spans="1:17" s="18" customFormat="1" ht="11.1" customHeight="1">
      <c r="A7" s="12"/>
      <c r="B7" s="13" t="s">
        <v>35</v>
      </c>
      <c r="C7" s="13"/>
      <c r="D7" s="13"/>
      <c r="E7" s="14"/>
      <c r="F7" s="14"/>
      <c r="G7" s="14"/>
      <c r="H7" s="14"/>
      <c r="I7" s="14"/>
      <c r="J7" s="14"/>
      <c r="K7" s="14"/>
      <c r="L7" s="14"/>
      <c r="M7" s="14"/>
      <c r="N7" s="14"/>
      <c r="O7" s="14"/>
      <c r="P7" s="75"/>
      <c r="Q7" s="21"/>
    </row>
    <row r="8" spans="1:17" s="18" customFormat="1" ht="11.1" customHeight="1">
      <c r="A8" s="12"/>
      <c r="B8" s="13"/>
      <c r="C8" s="79" t="s">
        <v>36</v>
      </c>
      <c r="D8" s="13"/>
      <c r="E8" s="14">
        <v>7564</v>
      </c>
      <c r="F8" s="14">
        <v>7862</v>
      </c>
      <c r="G8" s="14">
        <v>8277</v>
      </c>
      <c r="H8" s="14">
        <v>7537</v>
      </c>
      <c r="I8" s="14">
        <v>7517</v>
      </c>
      <c r="J8" s="14">
        <v>6134</v>
      </c>
      <c r="K8" s="14">
        <v>5738</v>
      </c>
      <c r="L8" s="14">
        <v>6523</v>
      </c>
      <c r="M8" s="14">
        <v>9632</v>
      </c>
      <c r="N8" s="14">
        <v>12426</v>
      </c>
      <c r="O8" s="14">
        <v>12926</v>
      </c>
      <c r="P8" s="75">
        <v>14677</v>
      </c>
      <c r="Q8" s="21">
        <v>6.2114735101561402</v>
      </c>
    </row>
    <row r="9" spans="1:17" s="18" customFormat="1" ht="12.6" customHeight="1">
      <c r="A9" s="12"/>
      <c r="B9" s="13"/>
      <c r="C9" s="79" t="s">
        <v>37</v>
      </c>
      <c r="D9" s="13"/>
      <c r="E9" s="22">
        <v>17208</v>
      </c>
      <c r="F9" s="22">
        <v>19255</v>
      </c>
      <c r="G9" s="22">
        <v>20624</v>
      </c>
      <c r="H9" s="22">
        <v>22041</v>
      </c>
      <c r="I9" s="22">
        <v>23809</v>
      </c>
      <c r="J9" s="22">
        <v>20534</v>
      </c>
      <c r="K9" s="22">
        <v>22547</v>
      </c>
      <c r="L9" s="22">
        <v>24768</v>
      </c>
      <c r="M9" s="22">
        <v>26301</v>
      </c>
      <c r="N9" s="22">
        <v>27218</v>
      </c>
      <c r="O9" s="22">
        <v>28037</v>
      </c>
      <c r="P9" s="81">
        <v>30572</v>
      </c>
      <c r="Q9" s="21">
        <v>5.3635303806015333</v>
      </c>
    </row>
    <row r="10" spans="1:17" s="18" customFormat="1" ht="12.6" customHeight="1">
      <c r="A10" s="12"/>
      <c r="B10" s="13"/>
      <c r="C10" s="13"/>
      <c r="D10" s="13"/>
      <c r="E10" s="22">
        <v>24772</v>
      </c>
      <c r="F10" s="22">
        <v>27117</v>
      </c>
      <c r="G10" s="22">
        <v>28901</v>
      </c>
      <c r="H10" s="22">
        <v>29578</v>
      </c>
      <c r="I10" s="22">
        <v>31326</v>
      </c>
      <c r="J10" s="22">
        <v>26668</v>
      </c>
      <c r="K10" s="22">
        <v>28285</v>
      </c>
      <c r="L10" s="22">
        <v>31291</v>
      </c>
      <c r="M10" s="22">
        <v>35933</v>
      </c>
      <c r="N10" s="22">
        <v>39644</v>
      </c>
      <c r="O10" s="22">
        <v>40963</v>
      </c>
      <c r="P10" s="81">
        <v>45249</v>
      </c>
      <c r="Q10" s="21">
        <v>5.6297310573515169</v>
      </c>
    </row>
    <row r="11" spans="1:17" s="48" customFormat="1" ht="13.5" customHeight="1">
      <c r="A11" s="12" t="s">
        <v>38</v>
      </c>
      <c r="B11" s="13"/>
      <c r="C11" s="13"/>
      <c r="D11" s="13"/>
      <c r="E11" s="82">
        <v>37984</v>
      </c>
      <c r="F11" s="82">
        <v>40162</v>
      </c>
      <c r="G11" s="82">
        <v>42743</v>
      </c>
      <c r="H11" s="82">
        <v>44761</v>
      </c>
      <c r="I11" s="82">
        <v>46863</v>
      </c>
      <c r="J11" s="82">
        <v>43205</v>
      </c>
      <c r="K11" s="82">
        <v>44712</v>
      </c>
      <c r="L11" s="82">
        <v>48381</v>
      </c>
      <c r="M11" s="82">
        <v>58398</v>
      </c>
      <c r="N11" s="82">
        <v>64405</v>
      </c>
      <c r="O11" s="82">
        <v>68805</v>
      </c>
      <c r="P11" s="83">
        <v>74565</v>
      </c>
      <c r="Q11" s="21">
        <v>6.3237763331065011</v>
      </c>
    </row>
    <row r="12" spans="1:17" s="18" customFormat="1" ht="13.35" customHeight="1">
      <c r="A12" s="12" t="s">
        <v>39</v>
      </c>
      <c r="B12" s="13"/>
      <c r="C12" s="13"/>
      <c r="D12" s="13"/>
      <c r="E12" s="14"/>
      <c r="F12" s="14"/>
      <c r="G12" s="14"/>
      <c r="H12" s="14"/>
      <c r="I12" s="14"/>
      <c r="J12" s="14"/>
      <c r="K12" s="14"/>
      <c r="L12" s="14"/>
      <c r="M12" s="14"/>
      <c r="N12" s="14"/>
      <c r="O12" s="14"/>
      <c r="P12" s="75"/>
      <c r="Q12" s="21"/>
    </row>
    <row r="13" spans="1:17" s="18" customFormat="1" ht="11.1" customHeight="1">
      <c r="A13" s="12"/>
      <c r="B13" s="84" t="s">
        <v>40</v>
      </c>
      <c r="C13" s="84"/>
      <c r="D13" s="84"/>
      <c r="E13" s="14">
        <v>10620</v>
      </c>
      <c r="F13" s="14">
        <v>9807</v>
      </c>
      <c r="G13" s="14">
        <v>9859</v>
      </c>
      <c r="H13" s="14">
        <v>10071</v>
      </c>
      <c r="I13" s="14">
        <v>10521</v>
      </c>
      <c r="J13" s="14">
        <v>11278</v>
      </c>
      <c r="K13" s="14">
        <v>12137</v>
      </c>
      <c r="L13" s="14">
        <v>13100</v>
      </c>
      <c r="M13" s="14">
        <v>14733</v>
      </c>
      <c r="N13" s="14">
        <v>18509</v>
      </c>
      <c r="O13" s="14">
        <v>25400</v>
      </c>
      <c r="P13" s="75">
        <v>23798</v>
      </c>
      <c r="Q13" s="21">
        <v>7.6108334060200011</v>
      </c>
    </row>
    <row r="14" spans="1:17" s="18" customFormat="1" ht="11.1" customHeight="1">
      <c r="A14" s="12"/>
      <c r="B14" s="13" t="s">
        <v>41</v>
      </c>
      <c r="C14" s="13"/>
      <c r="D14" s="13"/>
      <c r="E14" s="14">
        <v>6600</v>
      </c>
      <c r="F14" s="14">
        <v>7002</v>
      </c>
      <c r="G14" s="14">
        <v>7541</v>
      </c>
      <c r="H14" s="14">
        <v>8196</v>
      </c>
      <c r="I14" s="14">
        <v>8484</v>
      </c>
      <c r="J14" s="14">
        <v>8967</v>
      </c>
      <c r="K14" s="14">
        <v>9620</v>
      </c>
      <c r="L14" s="14">
        <v>9895</v>
      </c>
      <c r="M14" s="14">
        <v>11557</v>
      </c>
      <c r="N14" s="14">
        <v>12796</v>
      </c>
      <c r="O14" s="14">
        <v>14494</v>
      </c>
      <c r="P14" s="75">
        <v>15053</v>
      </c>
      <c r="Q14" s="21">
        <v>7.7835907618409861</v>
      </c>
    </row>
    <row r="15" spans="1:17" s="18" customFormat="1" ht="11.1" customHeight="1">
      <c r="A15" s="12"/>
      <c r="B15" s="13" t="s">
        <v>42</v>
      </c>
      <c r="C15" s="13"/>
      <c r="D15" s="13"/>
      <c r="E15" s="14"/>
      <c r="F15" s="14"/>
      <c r="G15" s="14"/>
      <c r="H15" s="14"/>
      <c r="I15" s="14"/>
      <c r="J15" s="14"/>
      <c r="K15" s="14"/>
      <c r="L15" s="14"/>
      <c r="M15" s="14"/>
      <c r="N15" s="14"/>
      <c r="O15" s="14"/>
      <c r="P15" s="75"/>
      <c r="Q15" s="21"/>
    </row>
    <row r="16" spans="1:17" s="18" customFormat="1" ht="11.1" customHeight="1">
      <c r="A16" s="12"/>
      <c r="B16" s="13"/>
      <c r="C16" s="13"/>
      <c r="D16" s="13" t="s">
        <v>43</v>
      </c>
      <c r="E16" s="14">
        <v>38182</v>
      </c>
      <c r="F16" s="14">
        <v>41068</v>
      </c>
      <c r="G16" s="14">
        <v>41880</v>
      </c>
      <c r="H16" s="14">
        <v>42719</v>
      </c>
      <c r="I16" s="14">
        <v>41499</v>
      </c>
      <c r="J16" s="14">
        <v>43607</v>
      </c>
      <c r="K16" s="14">
        <v>42681</v>
      </c>
      <c r="L16" s="14">
        <v>46229</v>
      </c>
      <c r="M16" s="14">
        <v>59750</v>
      </c>
      <c r="N16" s="14">
        <v>62341</v>
      </c>
      <c r="O16" s="14">
        <v>59888</v>
      </c>
      <c r="P16" s="75">
        <v>75402</v>
      </c>
      <c r="Q16" s="21">
        <v>6.3814328796030662</v>
      </c>
    </row>
    <row r="17" spans="1:17" s="18" customFormat="1" ht="12.6" customHeight="1">
      <c r="A17" s="12"/>
      <c r="B17" s="13"/>
      <c r="C17" s="13"/>
      <c r="D17" s="13" t="s">
        <v>44</v>
      </c>
      <c r="E17" s="22">
        <v>17634</v>
      </c>
      <c r="F17" s="22">
        <v>19625</v>
      </c>
      <c r="G17" s="22">
        <v>21040</v>
      </c>
      <c r="H17" s="22">
        <v>22532</v>
      </c>
      <c r="I17" s="22">
        <v>24338</v>
      </c>
      <c r="J17" s="22">
        <v>21312</v>
      </c>
      <c r="K17" s="22">
        <v>23281</v>
      </c>
      <c r="L17" s="22">
        <v>25932</v>
      </c>
      <c r="M17" s="22">
        <v>27350</v>
      </c>
      <c r="N17" s="22">
        <v>28325</v>
      </c>
      <c r="O17" s="22">
        <v>29492</v>
      </c>
      <c r="P17" s="81">
        <v>32060</v>
      </c>
      <c r="Q17" s="21">
        <v>5.5847395257289101</v>
      </c>
    </row>
    <row r="18" spans="1:17" s="18" customFormat="1" ht="12.6" customHeight="1">
      <c r="A18" s="12"/>
      <c r="B18" s="13"/>
      <c r="C18" s="13" t="s">
        <v>45</v>
      </c>
      <c r="D18" s="13"/>
      <c r="E18" s="14">
        <v>55816</v>
      </c>
      <c r="F18" s="14">
        <v>60693</v>
      </c>
      <c r="G18" s="14">
        <v>62920</v>
      </c>
      <c r="H18" s="14">
        <v>65251</v>
      </c>
      <c r="I18" s="14">
        <v>65837</v>
      </c>
      <c r="J18" s="14">
        <v>64919</v>
      </c>
      <c r="K18" s="14">
        <v>65962</v>
      </c>
      <c r="L18" s="14">
        <v>72161</v>
      </c>
      <c r="M18" s="14">
        <v>87100</v>
      </c>
      <c r="N18" s="14">
        <v>90666</v>
      </c>
      <c r="O18" s="14">
        <v>89380</v>
      </c>
      <c r="P18" s="75">
        <v>107462</v>
      </c>
      <c r="Q18" s="21">
        <v>6.1361406705783939</v>
      </c>
    </row>
    <row r="19" spans="1:17" s="18" customFormat="1" ht="11.1" customHeight="1">
      <c r="A19" s="12"/>
      <c r="B19" s="13"/>
      <c r="C19" s="79" t="s">
        <v>46</v>
      </c>
      <c r="D19" s="29" t="s">
        <v>47</v>
      </c>
      <c r="E19" s="14">
        <v>1778</v>
      </c>
      <c r="F19" s="14">
        <v>835</v>
      </c>
      <c r="G19" s="14">
        <v>977</v>
      </c>
      <c r="H19" s="14">
        <v>1580</v>
      </c>
      <c r="I19" s="14">
        <v>1087</v>
      </c>
      <c r="J19" s="14">
        <v>1348</v>
      </c>
      <c r="K19" s="14">
        <v>752</v>
      </c>
      <c r="L19" s="14">
        <v>692</v>
      </c>
      <c r="M19" s="14">
        <v>492</v>
      </c>
      <c r="N19" s="14">
        <v>510</v>
      </c>
      <c r="O19" s="14">
        <v>521</v>
      </c>
      <c r="P19" s="75">
        <v>491</v>
      </c>
      <c r="Q19" s="21">
        <v>-11.039865572728068</v>
      </c>
    </row>
    <row r="20" spans="1:17" s="18" customFormat="1" ht="11.1" customHeight="1">
      <c r="A20" s="12"/>
      <c r="B20" s="13"/>
      <c r="C20" s="85" t="s">
        <v>46</v>
      </c>
      <c r="D20" s="78" t="s">
        <v>48</v>
      </c>
      <c r="E20" s="14">
        <v>0</v>
      </c>
      <c r="F20" s="14">
        <v>0</v>
      </c>
      <c r="G20" s="14">
        <v>0</v>
      </c>
      <c r="H20" s="14">
        <v>0</v>
      </c>
      <c r="I20" s="14">
        <v>0</v>
      </c>
      <c r="J20" s="14">
        <v>0</v>
      </c>
      <c r="K20" s="14">
        <v>0</v>
      </c>
      <c r="L20" s="14">
        <v>0</v>
      </c>
      <c r="M20" s="14">
        <v>0</v>
      </c>
      <c r="N20" s="14">
        <v>0</v>
      </c>
      <c r="O20" s="14">
        <v>472</v>
      </c>
      <c r="P20" s="75">
        <v>494</v>
      </c>
      <c r="Q20" s="21" t="s">
        <v>50</v>
      </c>
    </row>
    <row r="21" spans="1:17" s="18" customFormat="1" ht="11.1" customHeight="1">
      <c r="A21" s="12"/>
      <c r="B21" s="13"/>
      <c r="C21" s="86" t="s">
        <v>51</v>
      </c>
      <c r="D21" s="78" t="s">
        <v>52</v>
      </c>
      <c r="E21" s="22">
        <v>-755</v>
      </c>
      <c r="F21" s="22">
        <v>-726</v>
      </c>
      <c r="G21" s="22">
        <v>-739</v>
      </c>
      <c r="H21" s="22">
        <v>-820</v>
      </c>
      <c r="I21" s="22">
        <v>-835</v>
      </c>
      <c r="J21" s="22">
        <v>-896</v>
      </c>
      <c r="K21" s="22">
        <v>-850</v>
      </c>
      <c r="L21" s="22">
        <v>-1337</v>
      </c>
      <c r="M21" s="22">
        <v>-1335</v>
      </c>
      <c r="N21" s="22">
        <v>-1402</v>
      </c>
      <c r="O21" s="22">
        <v>-1523</v>
      </c>
      <c r="P21" s="81">
        <v>-1476</v>
      </c>
      <c r="Q21" s="21">
        <v>6.2838355402318635</v>
      </c>
    </row>
    <row r="22" spans="1:17" s="18" customFormat="1" ht="14.1" customHeight="1">
      <c r="A22" s="12"/>
      <c r="B22" s="13" t="s">
        <v>53</v>
      </c>
      <c r="C22" s="13"/>
      <c r="D22" s="13"/>
      <c r="E22" s="22">
        <v>56839</v>
      </c>
      <c r="F22" s="22">
        <v>60802</v>
      </c>
      <c r="G22" s="22">
        <v>63158</v>
      </c>
      <c r="H22" s="22">
        <v>66011</v>
      </c>
      <c r="I22" s="22">
        <v>66089</v>
      </c>
      <c r="J22" s="22">
        <v>65371</v>
      </c>
      <c r="K22" s="22">
        <v>65864</v>
      </c>
      <c r="L22" s="22">
        <v>71516</v>
      </c>
      <c r="M22" s="22">
        <v>86257</v>
      </c>
      <c r="N22" s="22">
        <v>89774</v>
      </c>
      <c r="O22" s="22">
        <v>88850</v>
      </c>
      <c r="P22" s="81">
        <v>106971</v>
      </c>
      <c r="Q22" s="21">
        <v>5.9169388758622432</v>
      </c>
    </row>
    <row r="23" spans="1:17" s="48" customFormat="1" ht="13.35" customHeight="1">
      <c r="A23" s="12" t="s">
        <v>54</v>
      </c>
      <c r="B23" s="13"/>
      <c r="C23" s="13"/>
      <c r="D23" s="13"/>
      <c r="E23" s="82">
        <v>74059</v>
      </c>
      <c r="F23" s="82">
        <v>77611</v>
      </c>
      <c r="G23" s="82">
        <v>80558</v>
      </c>
      <c r="H23" s="82">
        <v>84278</v>
      </c>
      <c r="I23" s="82">
        <v>85094</v>
      </c>
      <c r="J23" s="82">
        <v>85616</v>
      </c>
      <c r="K23" s="82">
        <v>87621</v>
      </c>
      <c r="L23" s="82">
        <v>94511</v>
      </c>
      <c r="M23" s="82">
        <v>112547</v>
      </c>
      <c r="N23" s="82">
        <v>121079</v>
      </c>
      <c r="O23" s="82">
        <v>128744</v>
      </c>
      <c r="P23" s="83">
        <v>145822</v>
      </c>
      <c r="Q23" s="21">
        <v>6.3529557469130582</v>
      </c>
    </row>
    <row r="24" spans="1:17" s="48" customFormat="1" ht="13.5" customHeight="1">
      <c r="A24" s="12" t="s">
        <v>55</v>
      </c>
      <c r="B24" s="13"/>
      <c r="C24" s="13"/>
      <c r="D24" s="13"/>
      <c r="E24" s="82">
        <v>-36075</v>
      </c>
      <c r="F24" s="82">
        <v>-37449</v>
      </c>
      <c r="G24" s="82">
        <v>-37815</v>
      </c>
      <c r="H24" s="82">
        <v>-39517</v>
      </c>
      <c r="I24" s="82">
        <v>-38231</v>
      </c>
      <c r="J24" s="82">
        <v>-42411</v>
      </c>
      <c r="K24" s="82">
        <v>-42909</v>
      </c>
      <c r="L24" s="82">
        <v>-46130</v>
      </c>
      <c r="M24" s="82">
        <v>-54149</v>
      </c>
      <c r="N24" s="82">
        <v>-56674</v>
      </c>
      <c r="O24" s="82">
        <v>-59939</v>
      </c>
      <c r="P24" s="83">
        <v>-71257</v>
      </c>
      <c r="Q24" s="21">
        <v>6.3835929841535854</v>
      </c>
    </row>
    <row r="25" spans="1:17" s="18" customFormat="1" ht="13.35" customHeight="1">
      <c r="A25" s="12" t="s">
        <v>56</v>
      </c>
      <c r="B25" s="13"/>
      <c r="C25" s="13"/>
      <c r="D25" s="13"/>
      <c r="E25" s="14"/>
      <c r="F25" s="14"/>
      <c r="G25" s="14"/>
      <c r="H25" s="14"/>
      <c r="I25" s="14"/>
      <c r="J25" s="14"/>
      <c r="K25" s="14"/>
      <c r="L25" s="14"/>
      <c r="M25" s="14"/>
      <c r="N25" s="14"/>
      <c r="O25" s="14"/>
      <c r="P25" s="75"/>
      <c r="Q25" s="21"/>
    </row>
    <row r="26" spans="1:17" s="18" customFormat="1" ht="11.1" customHeight="1">
      <c r="A26" s="12"/>
      <c r="B26" s="29" t="s">
        <v>57</v>
      </c>
      <c r="C26" s="13"/>
      <c r="D26" s="13"/>
      <c r="E26" s="14">
        <v>36841</v>
      </c>
      <c r="F26" s="14">
        <v>37857</v>
      </c>
      <c r="G26" s="14">
        <v>39107</v>
      </c>
      <c r="H26" s="14">
        <v>40361</v>
      </c>
      <c r="I26" s="14">
        <v>41382</v>
      </c>
      <c r="J26" s="14">
        <v>45915</v>
      </c>
      <c r="K26" s="14">
        <v>47909</v>
      </c>
      <c r="L26" s="14">
        <v>50104</v>
      </c>
      <c r="M26" s="14">
        <v>52861</v>
      </c>
      <c r="N26" s="14">
        <v>56142</v>
      </c>
      <c r="O26" s="14">
        <v>59818</v>
      </c>
      <c r="P26" s="75">
        <v>65583</v>
      </c>
      <c r="Q26" s="21">
        <v>5.3826411804096752</v>
      </c>
    </row>
    <row r="27" spans="1:17" s="18" customFormat="1" ht="11.1" customHeight="1">
      <c r="A27" s="12"/>
      <c r="B27" s="13" t="s">
        <v>58</v>
      </c>
      <c r="C27" s="13"/>
      <c r="D27" s="13"/>
      <c r="E27" s="14">
        <v>1442</v>
      </c>
      <c r="F27" s="14">
        <v>1493</v>
      </c>
      <c r="G27" s="14">
        <v>1553</v>
      </c>
      <c r="H27" s="14">
        <v>1631</v>
      </c>
      <c r="I27" s="14">
        <v>1695</v>
      </c>
      <c r="J27" s="14">
        <v>1768</v>
      </c>
      <c r="K27" s="14">
        <v>1834</v>
      </c>
      <c r="L27" s="14">
        <v>1931</v>
      </c>
      <c r="M27" s="14">
        <v>2003</v>
      </c>
      <c r="N27" s="14">
        <v>2147</v>
      </c>
      <c r="O27" s="14">
        <v>2224</v>
      </c>
      <c r="P27" s="75">
        <v>2352</v>
      </c>
      <c r="Q27" s="21">
        <v>4.5479789009605254</v>
      </c>
    </row>
    <row r="28" spans="1:17" s="18" customFormat="1" ht="12.6" customHeight="1">
      <c r="A28" s="12"/>
      <c r="B28" s="13" t="s">
        <v>59</v>
      </c>
      <c r="C28" s="13"/>
      <c r="D28" s="13"/>
      <c r="E28" s="22">
        <v>952</v>
      </c>
      <c r="F28" s="22">
        <v>1293</v>
      </c>
      <c r="G28" s="22">
        <v>1267</v>
      </c>
      <c r="H28" s="22">
        <v>1039</v>
      </c>
      <c r="I28" s="22">
        <v>1126</v>
      </c>
      <c r="J28" s="22">
        <v>932</v>
      </c>
      <c r="K28" s="22">
        <v>952</v>
      </c>
      <c r="L28" s="22">
        <v>1100</v>
      </c>
      <c r="M28" s="22">
        <v>1582</v>
      </c>
      <c r="N28" s="22">
        <v>1791</v>
      </c>
      <c r="O28" s="22">
        <v>1347</v>
      </c>
      <c r="P28" s="81">
        <v>1701</v>
      </c>
      <c r="Q28" s="21">
        <v>5.4181074191640421</v>
      </c>
    </row>
    <row r="29" spans="1:17" s="48" customFormat="1" ht="13.5" customHeight="1">
      <c r="A29" s="12" t="s">
        <v>60</v>
      </c>
      <c r="B29" s="13"/>
      <c r="C29" s="13"/>
      <c r="D29" s="13"/>
      <c r="E29" s="82">
        <v>39235</v>
      </c>
      <c r="F29" s="82">
        <v>40643</v>
      </c>
      <c r="G29" s="82">
        <v>41927</v>
      </c>
      <c r="H29" s="82">
        <v>43031</v>
      </c>
      <c r="I29" s="82">
        <v>44203</v>
      </c>
      <c r="J29" s="82">
        <v>48615</v>
      </c>
      <c r="K29" s="82">
        <v>50695</v>
      </c>
      <c r="L29" s="82">
        <v>53135</v>
      </c>
      <c r="M29" s="82">
        <v>56446</v>
      </c>
      <c r="N29" s="82">
        <v>60080</v>
      </c>
      <c r="O29" s="82">
        <v>63389</v>
      </c>
      <c r="P29" s="83">
        <v>69636</v>
      </c>
      <c r="Q29" s="21">
        <v>5.3539743800969486</v>
      </c>
    </row>
    <row r="30" spans="1:17" s="18" customFormat="1" ht="15.6" customHeight="1">
      <c r="A30" s="12" t="s">
        <v>61</v>
      </c>
      <c r="B30" s="13"/>
      <c r="C30" s="13"/>
      <c r="D30" s="13"/>
      <c r="E30" s="39">
        <v>3160</v>
      </c>
      <c r="F30" s="39">
        <v>3194</v>
      </c>
      <c r="G30" s="39">
        <v>4112</v>
      </c>
      <c r="H30" s="39">
        <v>3514</v>
      </c>
      <c r="I30" s="39">
        <v>5972</v>
      </c>
      <c r="J30" s="39">
        <v>6204</v>
      </c>
      <c r="K30" s="39">
        <v>7786</v>
      </c>
      <c r="L30" s="39">
        <v>7005</v>
      </c>
      <c r="M30" s="39">
        <v>2297</v>
      </c>
      <c r="N30" s="39">
        <v>3406</v>
      </c>
      <c r="O30" s="39">
        <v>3450</v>
      </c>
      <c r="P30" s="87">
        <v>-1621</v>
      </c>
      <c r="Q30" s="21"/>
    </row>
    <row r="31" spans="1:17" s="18" customFormat="1" ht="14.4" customHeight="1">
      <c r="A31" s="12" t="s">
        <v>62</v>
      </c>
      <c r="B31" s="13"/>
      <c r="C31" s="13"/>
      <c r="D31" s="42"/>
      <c r="E31" s="42"/>
      <c r="F31" s="42"/>
      <c r="G31" s="42"/>
      <c r="H31" s="42"/>
      <c r="I31" s="42"/>
      <c r="J31" s="42"/>
      <c r="K31" s="42"/>
      <c r="L31" s="42"/>
      <c r="M31" s="42"/>
      <c r="N31" s="42"/>
      <c r="O31" s="42"/>
      <c r="P31" s="88"/>
      <c r="Q31" s="21"/>
    </row>
    <row r="32" spans="1:17" s="48" customFormat="1" ht="10.35" customHeight="1">
      <c r="A32" s="13"/>
      <c r="B32" s="13" t="s">
        <v>63</v>
      </c>
      <c r="C32" s="13"/>
      <c r="D32" s="13"/>
      <c r="E32" s="89">
        <v>16.153370826766011</v>
      </c>
      <c r="F32" s="89">
        <v>16.213021850282058</v>
      </c>
      <c r="G32" s="89">
        <v>15.506085159427895</v>
      </c>
      <c r="H32" s="89">
        <v>15.757384841138192</v>
      </c>
      <c r="I32" s="89">
        <v>14.486268149989389</v>
      </c>
      <c r="J32" s="89">
        <v>15.024284140383942</v>
      </c>
      <c r="K32" s="89">
        <v>14.428431161564534</v>
      </c>
      <c r="L32" s="89">
        <v>14.929140789597175</v>
      </c>
      <c r="M32" s="89">
        <v>17.61447178379504</v>
      </c>
      <c r="N32" s="89">
        <v>15.92248066371296</v>
      </c>
      <c r="O32" s="89">
        <v>15.166175372898296</v>
      </c>
      <c r="P32" s="90">
        <v>17.462480271243063</v>
      </c>
      <c r="Q32" s="21">
        <v>0.71093199844824984</v>
      </c>
    </row>
    <row r="33" spans="1:17" s="48" customFormat="1" ht="11.1" customHeight="1">
      <c r="A33" s="13"/>
      <c r="B33" s="13" t="s">
        <v>64</v>
      </c>
      <c r="C33" s="13"/>
      <c r="D33" s="13"/>
      <c r="E33" s="89">
        <v>17.568329989969911</v>
      </c>
      <c r="F33" s="89">
        <v>17.595819569574985</v>
      </c>
      <c r="G33" s="89">
        <v>17.192215588505448</v>
      </c>
      <c r="H33" s="89">
        <v>17.158590659691207</v>
      </c>
      <c r="I33" s="89">
        <v>16.749143653945254</v>
      </c>
      <c r="J33" s="89">
        <v>17.222078552374747</v>
      </c>
      <c r="K33" s="89">
        <v>17.046524452574381</v>
      </c>
      <c r="L33" s="89">
        <v>17.196182437789854</v>
      </c>
      <c r="M33" s="89">
        <v>18.361677488191745</v>
      </c>
      <c r="N33" s="89">
        <v>16.879391577723023</v>
      </c>
      <c r="O33" s="89">
        <v>16.039117948458433</v>
      </c>
      <c r="P33" s="90">
        <v>17.065232554952946</v>
      </c>
      <c r="Q33" s="21">
        <v>-0.26378455613297325</v>
      </c>
    </row>
    <row r="34" spans="1:17" s="18" customFormat="1" ht="14.4" customHeight="1">
      <c r="A34" s="12" t="s">
        <v>65</v>
      </c>
      <c r="B34" s="13"/>
      <c r="C34" s="13"/>
      <c r="D34" s="13"/>
      <c r="E34" s="89"/>
      <c r="F34" s="89"/>
      <c r="G34" s="89"/>
      <c r="H34" s="89"/>
      <c r="I34" s="89"/>
      <c r="J34" s="91"/>
      <c r="K34" s="91"/>
      <c r="L34" s="91"/>
      <c r="M34" s="91"/>
      <c r="N34" s="91"/>
      <c r="O34" s="91"/>
      <c r="P34" s="92"/>
      <c r="Q34" s="21"/>
    </row>
    <row r="35" spans="1:17" s="48" customFormat="1" ht="10.35" customHeight="1">
      <c r="A35" s="13"/>
      <c r="B35" s="13" t="s">
        <v>63</v>
      </c>
      <c r="C35" s="13"/>
      <c r="D35" s="13"/>
      <c r="E35" s="89">
        <v>9.093383331317284</v>
      </c>
      <c r="F35" s="89">
        <v>3.8087318087318023</v>
      </c>
      <c r="G35" s="89">
        <v>0.97732916766803957</v>
      </c>
      <c r="H35" s="89">
        <v>4.5008594473092689</v>
      </c>
      <c r="I35" s="89">
        <v>-3.2542956196067507</v>
      </c>
      <c r="J35" s="89">
        <v>10.933535612461087</v>
      </c>
      <c r="K35" s="89">
        <v>1.1742236683879081</v>
      </c>
      <c r="L35" s="89">
        <v>7.5065837003891911</v>
      </c>
      <c r="M35" s="89">
        <v>17.383481465423813</v>
      </c>
      <c r="N35" s="89">
        <v>4.663059336275821</v>
      </c>
      <c r="O35" s="89">
        <v>5.7610191622260665</v>
      </c>
      <c r="P35" s="90">
        <v>18.882530572748955</v>
      </c>
      <c r="Q35" s="21">
        <v>6.8682281263056089</v>
      </c>
    </row>
    <row r="36" spans="1:17" s="48" customFormat="1" ht="11.1" customHeight="1">
      <c r="A36" s="13"/>
      <c r="B36" s="13" t="s">
        <v>64</v>
      </c>
      <c r="C36" s="13"/>
      <c r="D36" s="13"/>
      <c r="E36" s="89">
        <v>3.1739770695277114</v>
      </c>
      <c r="F36" s="89">
        <v>3.5886325984452627</v>
      </c>
      <c r="G36" s="89">
        <v>3.1592156090839651</v>
      </c>
      <c r="H36" s="89">
        <v>2.6331480907291205</v>
      </c>
      <c r="I36" s="89">
        <v>2.7236178568938563</v>
      </c>
      <c r="J36" s="89">
        <v>9.9812229939144395</v>
      </c>
      <c r="K36" s="89">
        <v>4.2785148616682145</v>
      </c>
      <c r="L36" s="89">
        <v>4.8130979386527217</v>
      </c>
      <c r="M36" s="89">
        <v>6.2312976380916485</v>
      </c>
      <c r="N36" s="89">
        <v>6.4380115508627656</v>
      </c>
      <c r="O36" s="89">
        <v>5.5076564580559317</v>
      </c>
      <c r="P36" s="90">
        <v>9.8550221647288883</v>
      </c>
      <c r="Q36" s="21">
        <v>10.849098503580713</v>
      </c>
    </row>
    <row r="37" spans="1:17" s="18" customFormat="1" ht="14.4" customHeight="1">
      <c r="A37" s="12" t="s">
        <v>66</v>
      </c>
      <c r="B37" s="13"/>
      <c r="C37" s="13"/>
      <c r="D37" s="13"/>
      <c r="E37" s="14"/>
      <c r="F37" s="14"/>
      <c r="G37" s="14"/>
      <c r="H37" s="14"/>
      <c r="I37" s="14"/>
      <c r="J37" s="15"/>
      <c r="K37" s="15"/>
      <c r="L37" s="15"/>
      <c r="M37" s="15"/>
      <c r="N37" s="15"/>
      <c r="O37" s="15"/>
      <c r="P37" s="93"/>
      <c r="Q37" s="21"/>
    </row>
    <row r="38" spans="1:17" s="48" customFormat="1" ht="10.35" customHeight="1">
      <c r="A38" s="13"/>
      <c r="B38" s="13" t="s">
        <v>63</v>
      </c>
      <c r="C38" s="13"/>
      <c r="D38" s="13"/>
      <c r="E38" s="14">
        <v>7892.377505706796</v>
      </c>
      <c r="F38" s="14">
        <v>8079.7110126273401</v>
      </c>
      <c r="G38" s="14">
        <v>8024.0779631000632</v>
      </c>
      <c r="H38" s="14">
        <v>8292.3580287535005</v>
      </c>
      <c r="I38" s="14">
        <v>7864.4074211898169</v>
      </c>
      <c r="J38" s="14">
        <v>8595.3108526971537</v>
      </c>
      <c r="K38" s="14">
        <v>8545.9429326432164</v>
      </c>
      <c r="L38" s="14">
        <v>9025.5921418456037</v>
      </c>
      <c r="M38" s="14">
        <v>10461.349189283594</v>
      </c>
      <c r="N38" s="14">
        <v>10843.24325358522</v>
      </c>
      <c r="O38" s="14">
        <v>11190.407379444407</v>
      </c>
      <c r="P38" s="75">
        <v>12911.185387677107</v>
      </c>
      <c r="Q38" s="21">
        <v>4.5761308825701619</v>
      </c>
    </row>
    <row r="39" spans="1:17" s="66" customFormat="1" ht="11.1" customHeight="1">
      <c r="A39" s="94"/>
      <c r="B39" s="13" t="s">
        <v>64</v>
      </c>
      <c r="C39" s="94"/>
      <c r="D39" s="94"/>
      <c r="E39" s="14">
        <v>8583.7125831297617</v>
      </c>
      <c r="F39" s="14">
        <v>8768.8241257767349</v>
      </c>
      <c r="G39" s="14">
        <v>8896.6155430092913</v>
      </c>
      <c r="H39" s="14">
        <v>9029.7456369484498</v>
      </c>
      <c r="I39" s="14">
        <v>9092.8932342563221</v>
      </c>
      <c r="J39" s="14">
        <v>9852.6570253913396</v>
      </c>
      <c r="K39" s="14">
        <v>10096.6365324372</v>
      </c>
      <c r="L39" s="14">
        <v>10396.159515650686</v>
      </c>
      <c r="M39" s="14">
        <v>10905.119509839549</v>
      </c>
      <c r="N39" s="14">
        <v>11494.901624649752</v>
      </c>
      <c r="O39" s="14">
        <v>11834.510642079471</v>
      </c>
      <c r="P39" s="75">
        <v>12617.473450415862</v>
      </c>
      <c r="Q39" s="21">
        <v>3.5640055456021225</v>
      </c>
    </row>
    <row r="40" spans="1:17" s="60" customFormat="1" ht="2.85" customHeight="1">
      <c r="A40" s="96"/>
      <c r="B40" s="54"/>
      <c r="C40" s="54"/>
      <c r="D40" s="54"/>
      <c r="E40" s="58"/>
      <c r="F40" s="58"/>
      <c r="G40" s="58"/>
      <c r="H40" s="58"/>
      <c r="I40" s="97"/>
      <c r="J40" s="97"/>
      <c r="K40" s="97"/>
      <c r="L40" s="97"/>
      <c r="M40" s="97"/>
      <c r="N40" s="97"/>
      <c r="O40" s="97"/>
      <c r="P40" s="98"/>
      <c r="Q40" s="58"/>
    </row>
    <row r="41" spans="1:17" s="60" customFormat="1" ht="3.6" customHeight="1">
      <c r="A41" s="99"/>
      <c r="B41" s="94"/>
      <c r="C41" s="94"/>
      <c r="D41" s="94"/>
      <c r="E41" s="66"/>
      <c r="F41" s="66"/>
      <c r="G41" s="66"/>
      <c r="H41" s="66"/>
      <c r="I41" s="100"/>
      <c r="J41" s="100"/>
      <c r="K41" s="100"/>
      <c r="L41" s="100"/>
      <c r="M41" s="100"/>
      <c r="N41" s="100"/>
      <c r="O41" s="100"/>
      <c r="P41" s="100"/>
      <c r="Q41" s="66"/>
    </row>
    <row r="42" spans="1:17" s="66" customFormat="1" ht="12.15" customHeight="1">
      <c r="A42" s="101" t="s">
        <v>67</v>
      </c>
      <c r="B42" s="283" t="s">
        <v>28</v>
      </c>
      <c r="C42" s="283"/>
      <c r="D42" s="283"/>
      <c r="E42" s="283"/>
      <c r="F42" s="283"/>
      <c r="G42" s="283"/>
      <c r="H42" s="283"/>
      <c r="I42" s="283"/>
      <c r="J42" s="283"/>
      <c r="K42" s="283"/>
      <c r="L42" s="283"/>
      <c r="M42" s="283"/>
      <c r="N42" s="283"/>
      <c r="O42" s="283"/>
      <c r="P42" s="283"/>
      <c r="Q42" s="283"/>
    </row>
    <row r="43" spans="1:17" s="66" customFormat="1" ht="23.4" customHeight="1">
      <c r="A43" s="101" t="s">
        <v>68</v>
      </c>
      <c r="B43" s="283" t="s">
        <v>508</v>
      </c>
      <c r="C43" s="283"/>
      <c r="D43" s="283"/>
      <c r="E43" s="283"/>
      <c r="F43" s="283"/>
      <c r="G43" s="283"/>
      <c r="H43" s="283"/>
      <c r="I43" s="283"/>
      <c r="J43" s="283"/>
      <c r="K43" s="283"/>
      <c r="L43" s="283"/>
      <c r="M43" s="283"/>
      <c r="N43" s="283"/>
      <c r="O43" s="283"/>
      <c r="P43" s="283"/>
      <c r="Q43" s="283"/>
    </row>
    <row r="44" spans="1:17" s="66" customFormat="1" ht="12.15" customHeight="1">
      <c r="A44" s="101" t="s">
        <v>69</v>
      </c>
      <c r="B44" s="283" t="s">
        <v>509</v>
      </c>
      <c r="C44" s="283"/>
      <c r="D44" s="283"/>
      <c r="E44" s="283"/>
      <c r="F44" s="283"/>
      <c r="G44" s="283"/>
      <c r="H44" s="283"/>
      <c r="I44" s="283"/>
      <c r="J44" s="283"/>
      <c r="K44" s="283"/>
      <c r="L44" s="283"/>
      <c r="M44" s="283"/>
      <c r="N44" s="283"/>
      <c r="O44" s="283"/>
      <c r="P44" s="283"/>
      <c r="Q44" s="283"/>
    </row>
    <row r="45" spans="1:17" s="66" customFormat="1" ht="3" customHeight="1">
      <c r="A45" s="67"/>
      <c r="B45" s="68"/>
      <c r="C45" s="68"/>
      <c r="D45" s="68"/>
      <c r="E45" s="68"/>
      <c r="F45" s="68"/>
      <c r="G45" s="68"/>
      <c r="H45" s="68"/>
      <c r="I45" s="102"/>
      <c r="J45" s="102"/>
      <c r="K45" s="102"/>
      <c r="L45" s="102"/>
      <c r="M45" s="102"/>
      <c r="N45" s="102"/>
      <c r="O45" s="102"/>
      <c r="P45" s="102"/>
    </row>
  </sheetData>
  <mergeCells count="3">
    <mergeCell ref="B42:Q42"/>
    <mergeCell ref="B43:Q43"/>
    <mergeCell ref="B44:Q44"/>
  </mergeCells>
  <pageMargins left="0.74803149606299213" right="0.51181102362204722" top="0.70866141732283472" bottom="0.59055118110236227" header="0.51181102362204722" footer="0.51181102362204722"/>
  <pageSetup scale="83" fitToHeight="2" orientation="landscape" r:id="rId1"/>
  <headerFooter alignWithMargins="0"/>
  <ignoredErrors>
    <ignoredError sqref="A42:A44"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30D267-524A-41EA-9742-591565C14F57}">
  <sheetPr>
    <pageSetUpPr fitToPage="1"/>
  </sheetPr>
  <dimension ref="A1:Q43"/>
  <sheetViews>
    <sheetView showGridLines="0" view="pageBreakPreview" zoomScaleNormal="100" zoomScaleSheetLayoutView="100" workbookViewId="0">
      <selection activeCell="J44" sqref="A44:XFD1048576"/>
    </sheetView>
  </sheetViews>
  <sheetFormatPr defaultColWidth="8.88671875" defaultRowHeight="12"/>
  <cols>
    <col min="1" max="1" width="1.5546875" style="115" customWidth="1"/>
    <col min="2" max="2" width="2" style="60" customWidth="1"/>
    <col min="3" max="3" width="4.44140625" style="60" customWidth="1"/>
    <col min="4" max="4" width="25.5546875" style="60" customWidth="1"/>
    <col min="5" max="5" width="9" style="59" customWidth="1"/>
    <col min="6" max="8" width="9" style="59" bestFit="1" customWidth="1"/>
    <col min="9" max="9" width="9" style="71" bestFit="1" customWidth="1"/>
    <col min="10" max="10" width="8.88671875" style="71" customWidth="1"/>
    <col min="11" max="11" width="8.5546875" style="71" bestFit="1" customWidth="1"/>
    <col min="12" max="12" width="9" style="71" bestFit="1" customWidth="1"/>
    <col min="13" max="13" width="9" style="71" customWidth="1"/>
    <col min="14" max="14" width="9" style="71" bestFit="1" customWidth="1"/>
    <col min="15" max="16" width="9" style="71" customWidth="1"/>
    <col min="17" max="17" width="8" style="69" customWidth="1"/>
    <col min="18" max="16384" width="8.88671875" style="59"/>
  </cols>
  <sheetData>
    <row r="1" spans="1:17" s="4" customFormat="1" ht="17.25" customHeight="1">
      <c r="A1" s="1" t="s">
        <v>70</v>
      </c>
      <c r="B1" s="2"/>
      <c r="C1" s="2"/>
      <c r="D1" s="2"/>
      <c r="E1" s="2"/>
      <c r="F1" s="2"/>
      <c r="G1" s="2"/>
      <c r="H1" s="3"/>
      <c r="I1" s="72"/>
      <c r="J1" s="72"/>
      <c r="K1" s="72"/>
      <c r="L1" s="72"/>
      <c r="M1" s="72"/>
      <c r="N1" s="72"/>
      <c r="O1" s="72"/>
      <c r="P1" s="72"/>
      <c r="Q1" s="73"/>
    </row>
    <row r="2" spans="1:17" s="11" customFormat="1" ht="25.35" customHeight="1">
      <c r="A2" s="5" t="s">
        <v>1</v>
      </c>
      <c r="B2" s="5"/>
      <c r="C2" s="5"/>
      <c r="D2" s="5"/>
      <c r="E2" s="7" t="s">
        <v>2</v>
      </c>
      <c r="F2" s="7" t="s">
        <v>3</v>
      </c>
      <c r="G2" s="7" t="s">
        <v>4</v>
      </c>
      <c r="H2" s="7" t="s">
        <v>5</v>
      </c>
      <c r="I2" s="7" t="s">
        <v>6</v>
      </c>
      <c r="J2" s="7" t="s">
        <v>7</v>
      </c>
      <c r="K2" s="7" t="s">
        <v>8</v>
      </c>
      <c r="L2" s="7" t="s">
        <v>9</v>
      </c>
      <c r="M2" s="7" t="s">
        <v>10</v>
      </c>
      <c r="N2" s="7" t="s">
        <v>11</v>
      </c>
      <c r="O2" s="7" t="s">
        <v>12</v>
      </c>
      <c r="P2" s="74" t="s">
        <v>13</v>
      </c>
      <c r="Q2" s="7" t="s">
        <v>71</v>
      </c>
    </row>
    <row r="3" spans="1:17" ht="4.6500000000000004" customHeight="1">
      <c r="A3" s="99"/>
      <c r="B3" s="94"/>
      <c r="C3" s="94"/>
      <c r="D3" s="94"/>
      <c r="E3" s="95"/>
      <c r="F3" s="95"/>
      <c r="G3" s="95"/>
      <c r="H3" s="95"/>
      <c r="I3" s="95"/>
      <c r="J3" s="95"/>
      <c r="K3" s="95"/>
      <c r="L3" s="95"/>
      <c r="M3" s="95"/>
      <c r="N3" s="95"/>
      <c r="O3" s="95"/>
      <c r="P3" s="103"/>
      <c r="Q3" s="95"/>
    </row>
    <row r="4" spans="1:17" s="48" customFormat="1" ht="13.35" customHeight="1">
      <c r="A4" s="12" t="s">
        <v>72</v>
      </c>
      <c r="B4" s="13"/>
      <c r="C4" s="13"/>
      <c r="D4" s="13"/>
      <c r="E4" s="25">
        <v>1881</v>
      </c>
      <c r="F4" s="25">
        <v>293</v>
      </c>
      <c r="G4" s="25">
        <v>-1193</v>
      </c>
      <c r="H4" s="25">
        <v>-49</v>
      </c>
      <c r="I4" s="25">
        <v>-2222</v>
      </c>
      <c r="J4" s="25">
        <v>-196</v>
      </c>
      <c r="K4" s="25">
        <v>-1316</v>
      </c>
      <c r="L4" s="25">
        <v>531</v>
      </c>
      <c r="M4" s="25">
        <v>5615</v>
      </c>
      <c r="N4" s="25">
        <v>-1262</v>
      </c>
      <c r="O4" s="25">
        <v>-956</v>
      </c>
      <c r="P4" s="104">
        <v>5035</v>
      </c>
      <c r="Q4" s="25">
        <v>6161</v>
      </c>
    </row>
    <row r="5" spans="1:17" s="18" customFormat="1" ht="11.1" customHeight="1">
      <c r="A5" s="12"/>
      <c r="B5" s="84" t="s">
        <v>73</v>
      </c>
      <c r="C5" s="84"/>
      <c r="D5" s="84"/>
      <c r="E5" s="22">
        <v>-81</v>
      </c>
      <c r="F5" s="22">
        <v>-327</v>
      </c>
      <c r="G5" s="22">
        <v>275</v>
      </c>
      <c r="H5" s="22">
        <v>647</v>
      </c>
      <c r="I5" s="22">
        <v>-236</v>
      </c>
      <c r="J5" s="22">
        <v>-36</v>
      </c>
      <c r="K5" s="22">
        <v>-266</v>
      </c>
      <c r="L5" s="22">
        <v>250</v>
      </c>
      <c r="M5" s="22">
        <v>-907</v>
      </c>
      <c r="N5" s="22">
        <v>153</v>
      </c>
      <c r="O5" s="22">
        <v>912</v>
      </c>
      <c r="P5" s="81">
        <v>36</v>
      </c>
      <c r="Q5" s="22">
        <v>420</v>
      </c>
    </row>
    <row r="6" spans="1:17" s="48" customFormat="1" ht="13.35" customHeight="1">
      <c r="A6" s="13" t="s">
        <v>74</v>
      </c>
      <c r="B6" s="13"/>
      <c r="C6" s="13"/>
      <c r="D6" s="13"/>
      <c r="E6" s="22">
        <v>1800</v>
      </c>
      <c r="F6" s="22">
        <v>-34</v>
      </c>
      <c r="G6" s="22">
        <v>-918</v>
      </c>
      <c r="H6" s="22">
        <v>598</v>
      </c>
      <c r="I6" s="22">
        <v>-2458</v>
      </c>
      <c r="J6" s="22">
        <v>-232</v>
      </c>
      <c r="K6" s="22">
        <v>-1582</v>
      </c>
      <c r="L6" s="22">
        <v>781</v>
      </c>
      <c r="M6" s="22">
        <v>4708</v>
      </c>
      <c r="N6" s="22">
        <v>-1109</v>
      </c>
      <c r="O6" s="22">
        <v>-44</v>
      </c>
      <c r="P6" s="81">
        <v>5071</v>
      </c>
      <c r="Q6" s="22">
        <v>6581</v>
      </c>
    </row>
    <row r="7" spans="1:17" s="18" customFormat="1" ht="17.25" customHeight="1">
      <c r="A7" s="12" t="s">
        <v>75</v>
      </c>
      <c r="B7" s="13"/>
      <c r="C7" s="13"/>
      <c r="D7" s="13"/>
      <c r="E7" s="14"/>
      <c r="F7" s="14"/>
      <c r="G7" s="14"/>
      <c r="H7" s="14"/>
      <c r="I7" s="14"/>
      <c r="J7" s="14"/>
      <c r="K7" s="14"/>
      <c r="L7" s="14"/>
      <c r="M7" s="14"/>
      <c r="N7" s="14"/>
      <c r="O7" s="14"/>
      <c r="P7" s="75"/>
      <c r="Q7" s="14"/>
    </row>
    <row r="8" spans="1:17" s="18" customFormat="1" ht="11.1" customHeight="1">
      <c r="A8" s="12"/>
      <c r="B8" s="13" t="s">
        <v>76</v>
      </c>
      <c r="C8" s="13"/>
      <c r="D8" s="13"/>
      <c r="E8" s="14">
        <v>3279</v>
      </c>
      <c r="F8" s="14">
        <v>3151</v>
      </c>
      <c r="G8" s="14">
        <v>3407</v>
      </c>
      <c r="H8" s="14">
        <v>3459</v>
      </c>
      <c r="I8" s="14">
        <v>3659</v>
      </c>
      <c r="J8" s="14">
        <v>3908</v>
      </c>
      <c r="K8" s="14">
        <v>4452</v>
      </c>
      <c r="L8" s="14">
        <v>4772</v>
      </c>
      <c r="M8" s="14">
        <v>5428</v>
      </c>
      <c r="N8" s="14">
        <v>6002</v>
      </c>
      <c r="O8" s="14">
        <v>6755</v>
      </c>
      <c r="P8" s="75">
        <v>8772</v>
      </c>
      <c r="Q8" s="14">
        <v>57044</v>
      </c>
    </row>
    <row r="9" spans="1:17" s="18" customFormat="1" ht="11.1" customHeight="1">
      <c r="A9" s="12"/>
      <c r="B9" s="13"/>
      <c r="C9" s="79" t="s">
        <v>51</v>
      </c>
      <c r="D9" s="13" t="s">
        <v>77</v>
      </c>
      <c r="E9" s="14"/>
      <c r="F9" s="14"/>
      <c r="G9" s="14"/>
      <c r="H9" s="14"/>
      <c r="I9" s="14"/>
      <c r="J9" s="14"/>
      <c r="K9" s="14"/>
      <c r="L9" s="14"/>
      <c r="M9" s="14"/>
      <c r="N9" s="14"/>
      <c r="O9" s="14"/>
      <c r="P9" s="75"/>
      <c r="Q9" s="14"/>
    </row>
    <row r="10" spans="1:17" s="18" customFormat="1" ht="11.1" customHeight="1">
      <c r="A10" s="12"/>
      <c r="B10" s="13"/>
      <c r="C10" s="13"/>
      <c r="D10" s="13" t="s">
        <v>78</v>
      </c>
      <c r="E10" s="22">
        <v>-2209</v>
      </c>
      <c r="F10" s="22">
        <v>-2135</v>
      </c>
      <c r="G10" s="22">
        <v>-2157</v>
      </c>
      <c r="H10" s="22">
        <v>-2205</v>
      </c>
      <c r="I10" s="22">
        <v>-2638</v>
      </c>
      <c r="J10" s="22">
        <v>625</v>
      </c>
      <c r="K10" s="22">
        <v>-2458</v>
      </c>
      <c r="L10" s="22">
        <v>-2577</v>
      </c>
      <c r="M10" s="22">
        <v>-2671</v>
      </c>
      <c r="N10" s="22">
        <v>-2721</v>
      </c>
      <c r="O10" s="22">
        <v>-3079</v>
      </c>
      <c r="P10" s="81">
        <v>-3007</v>
      </c>
      <c r="Q10" s="22">
        <v>-27232</v>
      </c>
    </row>
    <row r="11" spans="1:17" s="18" customFormat="1" ht="11.1" customHeight="1">
      <c r="A11" s="12"/>
      <c r="B11" s="13"/>
      <c r="C11" s="13" t="s">
        <v>79</v>
      </c>
      <c r="D11" s="13"/>
      <c r="E11" s="14">
        <v>1070</v>
      </c>
      <c r="F11" s="14">
        <v>1016</v>
      </c>
      <c r="G11" s="14">
        <v>1250</v>
      </c>
      <c r="H11" s="14">
        <v>1254</v>
      </c>
      <c r="I11" s="14">
        <v>1021</v>
      </c>
      <c r="J11" s="14">
        <v>4533</v>
      </c>
      <c r="K11" s="14">
        <v>1994</v>
      </c>
      <c r="L11" s="14">
        <v>2195</v>
      </c>
      <c r="M11" s="14">
        <v>2757</v>
      </c>
      <c r="N11" s="14">
        <v>3281</v>
      </c>
      <c r="O11" s="14">
        <v>3676</v>
      </c>
      <c r="P11" s="75">
        <v>5765</v>
      </c>
      <c r="Q11" s="14">
        <v>29812</v>
      </c>
    </row>
    <row r="12" spans="1:17" s="18" customFormat="1" ht="11.1" customHeight="1">
      <c r="A12" s="12"/>
      <c r="B12" s="13" t="s">
        <v>80</v>
      </c>
      <c r="C12" s="13"/>
      <c r="D12" s="13"/>
      <c r="E12" s="14">
        <v>65</v>
      </c>
      <c r="F12" s="14">
        <v>51</v>
      </c>
      <c r="G12" s="14">
        <v>60</v>
      </c>
      <c r="H12" s="14">
        <v>78</v>
      </c>
      <c r="I12" s="14">
        <v>64</v>
      </c>
      <c r="J12" s="14">
        <v>73</v>
      </c>
      <c r="K12" s="14">
        <v>66</v>
      </c>
      <c r="L12" s="14">
        <v>97</v>
      </c>
      <c r="M12" s="14">
        <v>72</v>
      </c>
      <c r="N12" s="14">
        <v>144</v>
      </c>
      <c r="O12" s="14">
        <v>77</v>
      </c>
      <c r="P12" s="75">
        <v>128</v>
      </c>
      <c r="Q12" s="14">
        <v>975</v>
      </c>
    </row>
    <row r="13" spans="1:17" s="18" customFormat="1" ht="11.85" customHeight="1">
      <c r="A13" s="12"/>
      <c r="B13" s="13" t="s">
        <v>81</v>
      </c>
      <c r="C13" s="13"/>
      <c r="D13" s="13"/>
      <c r="E13" s="22">
        <v>72</v>
      </c>
      <c r="F13" s="22">
        <v>341</v>
      </c>
      <c r="G13" s="22">
        <v>-26</v>
      </c>
      <c r="H13" s="22">
        <v>-228</v>
      </c>
      <c r="I13" s="22">
        <v>87</v>
      </c>
      <c r="J13" s="22">
        <v>-194</v>
      </c>
      <c r="K13" s="22">
        <v>20</v>
      </c>
      <c r="L13" s="22">
        <v>148</v>
      </c>
      <c r="M13" s="22">
        <v>482</v>
      </c>
      <c r="N13" s="22">
        <v>209</v>
      </c>
      <c r="O13" s="22">
        <v>-444</v>
      </c>
      <c r="P13" s="81">
        <v>354</v>
      </c>
      <c r="Q13" s="22">
        <v>821</v>
      </c>
    </row>
    <row r="14" spans="1:17" s="105" customFormat="1" ht="13.35" customHeight="1">
      <c r="A14" s="13" t="s">
        <v>82</v>
      </c>
      <c r="B14" s="12"/>
      <c r="C14" s="12"/>
      <c r="D14" s="12"/>
      <c r="E14" s="22">
        <v>1207</v>
      </c>
      <c r="F14" s="22">
        <v>1408</v>
      </c>
      <c r="G14" s="22">
        <v>1284</v>
      </c>
      <c r="H14" s="22">
        <v>1104</v>
      </c>
      <c r="I14" s="22">
        <v>1172</v>
      </c>
      <c r="J14" s="22">
        <v>4412</v>
      </c>
      <c r="K14" s="22">
        <v>2080</v>
      </c>
      <c r="L14" s="22">
        <v>2440</v>
      </c>
      <c r="M14" s="22">
        <v>3311</v>
      </c>
      <c r="N14" s="22">
        <v>3634</v>
      </c>
      <c r="O14" s="22">
        <v>3309</v>
      </c>
      <c r="P14" s="81">
        <v>6247</v>
      </c>
      <c r="Q14" s="22">
        <v>31608</v>
      </c>
    </row>
    <row r="15" spans="1:17" s="105" customFormat="1" ht="13.35" customHeight="1">
      <c r="A15" s="12" t="s">
        <v>83</v>
      </c>
      <c r="B15" s="12"/>
      <c r="C15" s="12"/>
      <c r="D15" s="12"/>
      <c r="E15" s="82">
        <v>3007</v>
      </c>
      <c r="F15" s="82">
        <v>1374</v>
      </c>
      <c r="G15" s="82">
        <v>366</v>
      </c>
      <c r="H15" s="82">
        <v>1702</v>
      </c>
      <c r="I15" s="82">
        <v>-1286</v>
      </c>
      <c r="J15" s="82">
        <v>4180</v>
      </c>
      <c r="K15" s="82">
        <v>498</v>
      </c>
      <c r="L15" s="82">
        <v>3221</v>
      </c>
      <c r="M15" s="82">
        <v>8019</v>
      </c>
      <c r="N15" s="82">
        <v>2525</v>
      </c>
      <c r="O15" s="82">
        <v>3265</v>
      </c>
      <c r="P15" s="83">
        <v>11318</v>
      </c>
      <c r="Q15" s="82">
        <v>38189</v>
      </c>
    </row>
    <row r="16" spans="1:17" s="18" customFormat="1" ht="16.649999999999999" customHeight="1">
      <c r="A16" s="12" t="s">
        <v>84</v>
      </c>
      <c r="B16" s="13"/>
      <c r="C16" s="13"/>
      <c r="D16" s="13"/>
      <c r="E16" s="14"/>
      <c r="F16" s="14"/>
      <c r="G16" s="14"/>
      <c r="H16" s="14"/>
      <c r="I16" s="14"/>
      <c r="J16" s="14"/>
      <c r="K16" s="14"/>
      <c r="L16" s="14"/>
      <c r="M16" s="14"/>
      <c r="N16" s="14"/>
      <c r="O16" s="14"/>
      <c r="P16" s="75"/>
      <c r="Q16" s="14"/>
    </row>
    <row r="17" spans="1:17" s="18" customFormat="1" ht="11.1" customHeight="1">
      <c r="A17" s="12"/>
      <c r="B17" s="29" t="s">
        <v>85</v>
      </c>
      <c r="C17" s="29"/>
      <c r="D17" s="29"/>
      <c r="E17" s="14"/>
      <c r="F17" s="14"/>
      <c r="G17" s="14"/>
      <c r="H17" s="14"/>
      <c r="I17" s="14"/>
      <c r="J17" s="14"/>
      <c r="K17" s="14"/>
      <c r="L17" s="14"/>
      <c r="M17" s="14"/>
      <c r="N17" s="14"/>
      <c r="O17" s="14"/>
      <c r="P17" s="75"/>
      <c r="Q17" s="14"/>
    </row>
    <row r="18" spans="1:17" s="18" customFormat="1" ht="11.1" customHeight="1">
      <c r="A18" s="12"/>
      <c r="B18" s="29"/>
      <c r="C18" s="29" t="s">
        <v>86</v>
      </c>
      <c r="D18" s="29"/>
      <c r="E18" s="14">
        <v>543</v>
      </c>
      <c r="F18" s="14">
        <v>298</v>
      </c>
      <c r="G18" s="14">
        <v>415</v>
      </c>
      <c r="H18" s="14">
        <v>-740</v>
      </c>
      <c r="I18" s="14">
        <v>-20</v>
      </c>
      <c r="J18" s="14">
        <v>-1383</v>
      </c>
      <c r="K18" s="14">
        <v>-396</v>
      </c>
      <c r="L18" s="14">
        <v>785</v>
      </c>
      <c r="M18" s="14">
        <v>3109</v>
      </c>
      <c r="N18" s="14">
        <v>2794</v>
      </c>
      <c r="O18" s="14">
        <v>500</v>
      </c>
      <c r="P18" s="75">
        <v>1751</v>
      </c>
      <c r="Q18" s="14">
        <v>7656</v>
      </c>
    </row>
    <row r="19" spans="1:17" s="18" customFormat="1" ht="12.6" customHeight="1">
      <c r="A19" s="12"/>
      <c r="B19" s="29"/>
      <c r="C19" s="13" t="s">
        <v>87</v>
      </c>
      <c r="D19" s="29"/>
      <c r="E19" s="14">
        <v>2765</v>
      </c>
      <c r="F19" s="14">
        <v>2519</v>
      </c>
      <c r="G19" s="14">
        <v>2488</v>
      </c>
      <c r="H19" s="14">
        <v>2573</v>
      </c>
      <c r="I19" s="14">
        <v>2725</v>
      </c>
      <c r="J19" s="14">
        <v>2729</v>
      </c>
      <c r="K19" s="14">
        <v>4106</v>
      </c>
      <c r="L19" s="14">
        <v>4386</v>
      </c>
      <c r="M19" s="14">
        <v>3475</v>
      </c>
      <c r="N19" s="14">
        <v>3730</v>
      </c>
      <c r="O19" s="14">
        <v>4165</v>
      </c>
      <c r="P19" s="75">
        <v>4584</v>
      </c>
      <c r="Q19" s="14">
        <v>40245</v>
      </c>
    </row>
    <row r="20" spans="1:17" s="18" customFormat="1" ht="11.1" customHeight="1">
      <c r="A20" s="12"/>
      <c r="B20" s="29"/>
      <c r="C20" s="106" t="s">
        <v>51</v>
      </c>
      <c r="D20" s="29" t="s">
        <v>88</v>
      </c>
      <c r="E20" s="80"/>
      <c r="F20" s="80"/>
      <c r="G20" s="80"/>
      <c r="H20" s="80"/>
      <c r="I20" s="80"/>
      <c r="J20" s="80"/>
      <c r="K20" s="80"/>
      <c r="L20" s="80"/>
      <c r="M20" s="80"/>
      <c r="N20" s="80"/>
      <c r="O20" s="80"/>
      <c r="P20" s="107"/>
      <c r="Q20" s="80"/>
    </row>
    <row r="21" spans="1:17" s="18" customFormat="1" ht="11.1" customHeight="1">
      <c r="A21" s="12"/>
      <c r="B21" s="29"/>
      <c r="C21" s="29"/>
      <c r="D21" s="29" t="s">
        <v>89</v>
      </c>
      <c r="E21" s="22">
        <v>-724</v>
      </c>
      <c r="F21" s="22">
        <v>-472</v>
      </c>
      <c r="G21" s="22">
        <v>-1119</v>
      </c>
      <c r="H21" s="22">
        <v>-1156</v>
      </c>
      <c r="I21" s="22">
        <v>-957</v>
      </c>
      <c r="J21" s="22">
        <v>-6004</v>
      </c>
      <c r="K21" s="22">
        <v>-2093</v>
      </c>
      <c r="L21" s="22">
        <v>-2165</v>
      </c>
      <c r="M21" s="22">
        <v>-1942</v>
      </c>
      <c r="N21" s="22">
        <v>-2813</v>
      </c>
      <c r="O21" s="22">
        <v>-3346</v>
      </c>
      <c r="P21" s="81">
        <v>-2049</v>
      </c>
      <c r="Q21" s="22">
        <v>-24840</v>
      </c>
    </row>
    <row r="22" spans="1:17" s="18" customFormat="1" ht="11.1" customHeight="1">
      <c r="A22" s="12"/>
      <c r="B22" s="29" t="s">
        <v>90</v>
      </c>
      <c r="C22" s="29"/>
      <c r="D22" s="29"/>
      <c r="E22" s="14">
        <v>2584</v>
      </c>
      <c r="F22" s="14">
        <v>2345</v>
      </c>
      <c r="G22" s="14">
        <v>1784</v>
      </c>
      <c r="H22" s="14">
        <v>677</v>
      </c>
      <c r="I22" s="14">
        <v>1748</v>
      </c>
      <c r="J22" s="14">
        <v>-4658</v>
      </c>
      <c r="K22" s="14">
        <v>1617</v>
      </c>
      <c r="L22" s="14">
        <v>3006</v>
      </c>
      <c r="M22" s="14">
        <v>4642</v>
      </c>
      <c r="N22" s="14">
        <v>3711</v>
      </c>
      <c r="O22" s="14">
        <v>1319</v>
      </c>
      <c r="P22" s="75">
        <v>4286</v>
      </c>
      <c r="Q22" s="14">
        <v>23061</v>
      </c>
    </row>
    <row r="23" spans="1:17" s="18" customFormat="1" ht="11.1" customHeight="1">
      <c r="A23" s="12"/>
      <c r="B23" s="29" t="s">
        <v>91</v>
      </c>
      <c r="C23" s="29"/>
      <c r="D23" s="29"/>
      <c r="E23" s="14"/>
      <c r="F23" s="14"/>
      <c r="G23" s="14"/>
      <c r="H23" s="14"/>
      <c r="I23" s="14"/>
      <c r="J23" s="14"/>
      <c r="K23" s="14"/>
      <c r="L23" s="14"/>
      <c r="M23" s="14"/>
      <c r="N23" s="14"/>
      <c r="O23" s="14"/>
      <c r="P23" s="75"/>
      <c r="Q23" s="14"/>
    </row>
    <row r="24" spans="1:17" s="18" customFormat="1" ht="11.1" customHeight="1">
      <c r="A24" s="12"/>
      <c r="B24" s="29"/>
      <c r="C24" s="29" t="s">
        <v>92</v>
      </c>
      <c r="D24" s="29"/>
      <c r="E24" s="14">
        <v>-62</v>
      </c>
      <c r="F24" s="14">
        <v>-372</v>
      </c>
      <c r="G24" s="14">
        <v>874</v>
      </c>
      <c r="H24" s="14">
        <v>217</v>
      </c>
      <c r="I24" s="14">
        <v>340</v>
      </c>
      <c r="J24" s="14">
        <v>-792</v>
      </c>
      <c r="K24" s="14">
        <v>-411</v>
      </c>
      <c r="L24" s="14">
        <v>956</v>
      </c>
      <c r="M24" s="14">
        <v>2575</v>
      </c>
      <c r="N24" s="14">
        <v>582</v>
      </c>
      <c r="O24" s="14">
        <v>1105</v>
      </c>
      <c r="P24" s="75">
        <v>-1479</v>
      </c>
      <c r="Q24" s="14">
        <v>3533</v>
      </c>
    </row>
    <row r="25" spans="1:17" s="18" customFormat="1" ht="11.1" customHeight="1">
      <c r="A25" s="12"/>
      <c r="B25" s="29" t="s">
        <v>93</v>
      </c>
      <c r="C25" s="29"/>
      <c r="D25" s="29"/>
      <c r="E25" s="14"/>
      <c r="F25" s="14"/>
      <c r="G25" s="14"/>
      <c r="H25" s="14"/>
      <c r="I25" s="14"/>
      <c r="J25" s="14"/>
      <c r="K25" s="14"/>
      <c r="N25" s="14"/>
      <c r="O25" s="14"/>
      <c r="P25" s="75"/>
      <c r="Q25" s="18">
        <v>0</v>
      </c>
    </row>
    <row r="26" spans="1:17" s="18" customFormat="1" ht="11.1" customHeight="1">
      <c r="A26" s="12"/>
      <c r="B26" s="29"/>
      <c r="C26" s="29" t="s">
        <v>94</v>
      </c>
      <c r="D26" s="29"/>
      <c r="E26" s="14">
        <v>0</v>
      </c>
      <c r="F26" s="14">
        <v>0</v>
      </c>
      <c r="G26" s="14">
        <v>0</v>
      </c>
      <c r="H26" s="14">
        <v>0</v>
      </c>
      <c r="I26" s="14">
        <v>0</v>
      </c>
      <c r="J26" s="14">
        <v>0</v>
      </c>
      <c r="K26" s="14">
        <v>0</v>
      </c>
      <c r="L26" s="14">
        <v>0</v>
      </c>
      <c r="M26" s="14">
        <v>0</v>
      </c>
      <c r="N26" s="14">
        <v>0</v>
      </c>
      <c r="O26" s="14">
        <v>0</v>
      </c>
      <c r="P26" s="75">
        <v>0</v>
      </c>
      <c r="Q26" s="14">
        <v>0</v>
      </c>
    </row>
    <row r="27" spans="1:17" s="18" customFormat="1" ht="13.35" customHeight="1">
      <c r="A27" s="12"/>
      <c r="B27" s="29" t="s">
        <v>95</v>
      </c>
      <c r="C27" s="13"/>
      <c r="D27" s="13"/>
      <c r="E27" s="22">
        <v>356</v>
      </c>
      <c r="F27" s="22">
        <v>616</v>
      </c>
      <c r="G27" s="22">
        <v>-668</v>
      </c>
      <c r="H27" s="22">
        <v>257</v>
      </c>
      <c r="I27" s="22">
        <v>-724</v>
      </c>
      <c r="J27" s="22">
        <v>552</v>
      </c>
      <c r="K27" s="22">
        <v>-1211</v>
      </c>
      <c r="L27" s="22">
        <v>-1531</v>
      </c>
      <c r="M27" s="22">
        <v>-495</v>
      </c>
      <c r="N27" s="22">
        <v>-3301</v>
      </c>
      <c r="O27" s="22">
        <v>-6613</v>
      </c>
      <c r="P27" s="81">
        <v>3996</v>
      </c>
      <c r="Q27" s="22">
        <v>-8766</v>
      </c>
    </row>
    <row r="28" spans="1:17" s="48" customFormat="1" ht="13.35" customHeight="1">
      <c r="A28" s="12" t="s">
        <v>96</v>
      </c>
      <c r="B28" s="13"/>
      <c r="C28" s="13"/>
      <c r="D28" s="13"/>
      <c r="E28" s="82">
        <v>2878</v>
      </c>
      <c r="F28" s="82">
        <v>2589</v>
      </c>
      <c r="G28" s="82">
        <v>1990</v>
      </c>
      <c r="H28" s="82">
        <v>1151</v>
      </c>
      <c r="I28" s="82">
        <v>1364</v>
      </c>
      <c r="J28" s="82">
        <v>-4898</v>
      </c>
      <c r="K28" s="82">
        <v>-5</v>
      </c>
      <c r="L28" s="82">
        <v>2431</v>
      </c>
      <c r="M28" s="82">
        <v>6722</v>
      </c>
      <c r="N28" s="82">
        <v>992</v>
      </c>
      <c r="O28" s="82">
        <v>-4189</v>
      </c>
      <c r="P28" s="83">
        <v>6803</v>
      </c>
      <c r="Q28" s="82">
        <v>17828</v>
      </c>
    </row>
    <row r="29" spans="1:17" s="48" customFormat="1" ht="13.35" customHeight="1">
      <c r="A29" s="12" t="s">
        <v>97</v>
      </c>
      <c r="B29" s="13"/>
      <c r="C29" s="13"/>
      <c r="D29" s="13"/>
      <c r="E29" s="82"/>
      <c r="F29" s="82"/>
      <c r="G29" s="82"/>
      <c r="H29" s="82"/>
      <c r="I29" s="82"/>
      <c r="J29" s="82"/>
      <c r="K29" s="82"/>
      <c r="L29" s="82"/>
      <c r="M29" s="82"/>
      <c r="N29" s="82"/>
      <c r="O29" s="82"/>
      <c r="P29" s="83"/>
      <c r="Q29" s="82"/>
    </row>
    <row r="30" spans="1:17" s="18" customFormat="1" ht="13.35" customHeight="1">
      <c r="A30" s="108" t="s">
        <v>98</v>
      </c>
      <c r="B30" s="13"/>
      <c r="C30" s="13"/>
      <c r="D30" s="13"/>
      <c r="E30" s="25">
        <v>5885</v>
      </c>
      <c r="F30" s="25">
        <v>3963</v>
      </c>
      <c r="G30" s="25">
        <v>2356</v>
      </c>
      <c r="H30" s="25">
        <v>2853</v>
      </c>
      <c r="I30" s="25">
        <v>78</v>
      </c>
      <c r="J30" s="25">
        <v>-718</v>
      </c>
      <c r="K30" s="25">
        <v>493</v>
      </c>
      <c r="L30" s="25">
        <v>5652</v>
      </c>
      <c r="M30" s="25">
        <v>14741</v>
      </c>
      <c r="N30" s="25">
        <v>3517</v>
      </c>
      <c r="O30" s="25">
        <v>-924</v>
      </c>
      <c r="P30" s="104">
        <v>18121</v>
      </c>
      <c r="Q30" s="25">
        <v>56017</v>
      </c>
    </row>
    <row r="31" spans="1:17" s="18" customFormat="1" ht="11.1" customHeight="1">
      <c r="A31" s="12"/>
      <c r="B31" s="13" t="s">
        <v>99</v>
      </c>
      <c r="C31" s="13"/>
      <c r="D31" s="13"/>
      <c r="E31" s="14">
        <v>-287</v>
      </c>
      <c r="F31" s="14">
        <v>943</v>
      </c>
      <c r="G31" s="14">
        <v>-142</v>
      </c>
      <c r="H31" s="14">
        <v>-603</v>
      </c>
      <c r="I31" s="14">
        <v>493</v>
      </c>
      <c r="J31" s="14">
        <v>-261</v>
      </c>
      <c r="K31" s="14">
        <v>596</v>
      </c>
      <c r="L31" s="14">
        <v>60</v>
      </c>
      <c r="M31" s="14">
        <v>200</v>
      </c>
      <c r="N31" s="14">
        <v>-18</v>
      </c>
      <c r="O31" s="14">
        <v>-11</v>
      </c>
      <c r="P31" s="75">
        <v>30</v>
      </c>
      <c r="Q31" s="14">
        <v>1000</v>
      </c>
    </row>
    <row r="32" spans="1:17" s="18" customFormat="1" ht="11.1" customHeight="1">
      <c r="A32" s="12"/>
      <c r="B32" s="13" t="s">
        <v>100</v>
      </c>
      <c r="C32" s="84"/>
      <c r="D32" s="84"/>
      <c r="E32" s="14">
        <v>0</v>
      </c>
      <c r="F32" s="14">
        <v>0</v>
      </c>
      <c r="G32" s="14">
        <v>0</v>
      </c>
      <c r="H32" s="14">
        <v>0</v>
      </c>
      <c r="I32" s="14">
        <v>0</v>
      </c>
      <c r="J32" s="14">
        <v>0</v>
      </c>
      <c r="K32" s="14">
        <v>0</v>
      </c>
      <c r="L32" s="14">
        <v>0</v>
      </c>
      <c r="M32" s="14">
        <v>0</v>
      </c>
      <c r="N32" s="14">
        <v>0</v>
      </c>
      <c r="O32" s="14">
        <v>-472</v>
      </c>
      <c r="P32" s="75">
        <v>-22</v>
      </c>
      <c r="Q32" s="14">
        <v>-494</v>
      </c>
    </row>
    <row r="33" spans="1:17" s="18" customFormat="1" ht="11.1" customHeight="1">
      <c r="A33" s="12"/>
      <c r="B33" s="13" t="s">
        <v>101</v>
      </c>
      <c r="C33" s="13"/>
      <c r="D33" s="13"/>
      <c r="E33" s="14">
        <v>-34</v>
      </c>
      <c r="F33" s="14">
        <v>27</v>
      </c>
      <c r="G33" s="14">
        <v>-33</v>
      </c>
      <c r="H33" s="14">
        <v>6</v>
      </c>
      <c r="I33" s="14">
        <v>-23</v>
      </c>
      <c r="J33" s="14">
        <v>-188</v>
      </c>
      <c r="K33" s="14">
        <v>-2</v>
      </c>
      <c r="L33" s="14">
        <v>57</v>
      </c>
      <c r="M33" s="14">
        <v>113</v>
      </c>
      <c r="N33" s="14">
        <v>9</v>
      </c>
      <c r="O33" s="14">
        <v>-227</v>
      </c>
      <c r="P33" s="75">
        <v>-80</v>
      </c>
      <c r="Q33" s="14">
        <v>-375</v>
      </c>
    </row>
    <row r="34" spans="1:17" s="18" customFormat="1" ht="12" customHeight="1">
      <c r="A34" s="12"/>
      <c r="B34" s="13" t="s">
        <v>102</v>
      </c>
      <c r="C34" s="13"/>
      <c r="D34" s="13"/>
      <c r="E34" s="22">
        <v>59</v>
      </c>
      <c r="F34" s="22">
        <v>-56</v>
      </c>
      <c r="G34" s="22">
        <v>46</v>
      </c>
      <c r="H34" s="22">
        <v>75</v>
      </c>
      <c r="I34" s="22">
        <v>38</v>
      </c>
      <c r="J34" s="22">
        <v>249</v>
      </c>
      <c r="K34" s="22">
        <v>-44</v>
      </c>
      <c r="L34" s="22">
        <v>430</v>
      </c>
      <c r="M34" s="22">
        <v>-115</v>
      </c>
      <c r="N34" s="22">
        <v>58</v>
      </c>
      <c r="O34" s="22">
        <v>348</v>
      </c>
      <c r="P34" s="81">
        <v>33</v>
      </c>
      <c r="Q34" s="22">
        <v>1121</v>
      </c>
    </row>
    <row r="35" spans="1:17" s="18" customFormat="1" ht="13.35" customHeight="1">
      <c r="A35" s="12" t="s">
        <v>103</v>
      </c>
      <c r="B35" s="13"/>
      <c r="C35" s="13"/>
      <c r="D35" s="13"/>
      <c r="E35" s="39">
        <v>5623</v>
      </c>
      <c r="F35" s="39">
        <v>4877</v>
      </c>
      <c r="G35" s="39">
        <v>2227</v>
      </c>
      <c r="H35" s="39">
        <v>2331</v>
      </c>
      <c r="I35" s="39">
        <v>586</v>
      </c>
      <c r="J35" s="39">
        <v>-918</v>
      </c>
      <c r="K35" s="39">
        <v>1043</v>
      </c>
      <c r="L35" s="39">
        <v>6199</v>
      </c>
      <c r="M35" s="39">
        <v>14939</v>
      </c>
      <c r="N35" s="39">
        <v>3566</v>
      </c>
      <c r="O35" s="39">
        <v>-1286</v>
      </c>
      <c r="P35" s="87">
        <v>18082</v>
      </c>
      <c r="Q35" s="39">
        <v>57269</v>
      </c>
    </row>
    <row r="36" spans="1:17" s="18" customFormat="1" ht="13.35" customHeight="1">
      <c r="A36" s="12" t="s">
        <v>104</v>
      </c>
      <c r="B36" s="13"/>
      <c r="C36" s="13"/>
      <c r="D36" s="13"/>
      <c r="E36" s="39"/>
      <c r="F36" s="39"/>
      <c r="G36" s="39"/>
      <c r="H36" s="39"/>
      <c r="I36" s="39"/>
      <c r="J36" s="39"/>
      <c r="K36" s="39"/>
      <c r="L36" s="39"/>
      <c r="M36" s="39"/>
      <c r="N36" s="39"/>
      <c r="O36" s="39"/>
      <c r="P36" s="87"/>
      <c r="Q36" s="39"/>
    </row>
    <row r="37" spans="1:17" s="48" customFormat="1" ht="11.25" customHeight="1">
      <c r="A37" s="12"/>
      <c r="B37" s="13"/>
      <c r="C37" s="13"/>
      <c r="D37" s="12" t="s">
        <v>105</v>
      </c>
      <c r="E37" s="25">
        <v>3523</v>
      </c>
      <c r="F37" s="25">
        <v>2886</v>
      </c>
      <c r="G37" s="25">
        <v>812</v>
      </c>
      <c r="H37" s="25">
        <v>839</v>
      </c>
      <c r="I37" s="25">
        <v>-1220</v>
      </c>
      <c r="J37" s="25">
        <v>2108</v>
      </c>
      <c r="K37" s="25">
        <v>-926</v>
      </c>
      <c r="L37" s="25">
        <v>3548</v>
      </c>
      <c r="M37" s="25">
        <v>13521</v>
      </c>
      <c r="N37" s="25">
        <v>2591</v>
      </c>
      <c r="O37" s="25">
        <v>-2453</v>
      </c>
      <c r="P37" s="104">
        <v>15514</v>
      </c>
      <c r="Q37" s="25">
        <v>40743</v>
      </c>
    </row>
    <row r="38" spans="1:17" s="48" customFormat="1" ht="13.35" customHeight="1">
      <c r="A38" s="12"/>
      <c r="B38" s="13"/>
      <c r="C38" s="13"/>
      <c r="D38" s="12" t="s">
        <v>106</v>
      </c>
      <c r="E38" s="82">
        <v>2100</v>
      </c>
      <c r="F38" s="82">
        <v>1991</v>
      </c>
      <c r="G38" s="82">
        <v>1415</v>
      </c>
      <c r="H38" s="82">
        <v>1492</v>
      </c>
      <c r="I38" s="82">
        <v>1806</v>
      </c>
      <c r="J38" s="82">
        <v>-3026</v>
      </c>
      <c r="K38" s="82">
        <v>1969</v>
      </c>
      <c r="L38" s="82">
        <v>2651</v>
      </c>
      <c r="M38" s="82">
        <v>1418</v>
      </c>
      <c r="N38" s="82">
        <v>975</v>
      </c>
      <c r="O38" s="82">
        <v>1167</v>
      </c>
      <c r="P38" s="83">
        <v>2568</v>
      </c>
      <c r="Q38" s="82">
        <v>16526</v>
      </c>
    </row>
    <row r="39" spans="1:17" s="18" customFormat="1" ht="13.35" customHeight="1">
      <c r="A39" s="12"/>
      <c r="B39" s="13"/>
      <c r="C39" s="13"/>
      <c r="D39" s="12" t="s">
        <v>107</v>
      </c>
      <c r="E39" s="39">
        <v>5623</v>
      </c>
      <c r="F39" s="39">
        <v>4877</v>
      </c>
      <c r="G39" s="39">
        <v>2227</v>
      </c>
      <c r="H39" s="39">
        <v>2331</v>
      </c>
      <c r="I39" s="39">
        <v>586</v>
      </c>
      <c r="J39" s="39">
        <v>-918</v>
      </c>
      <c r="K39" s="39">
        <v>1043</v>
      </c>
      <c r="L39" s="39">
        <v>6199</v>
      </c>
      <c r="M39" s="39">
        <v>14939</v>
      </c>
      <c r="N39" s="39">
        <v>3566</v>
      </c>
      <c r="O39" s="39">
        <v>-1286</v>
      </c>
      <c r="P39" s="87">
        <v>18082</v>
      </c>
      <c r="Q39" s="39">
        <v>57269</v>
      </c>
    </row>
    <row r="40" spans="1:17" s="18" customFormat="1" ht="3.75" customHeight="1">
      <c r="A40" s="109"/>
      <c r="B40" s="110"/>
      <c r="C40" s="110"/>
      <c r="D40" s="109"/>
      <c r="E40" s="111"/>
      <c r="F40" s="111"/>
      <c r="G40" s="111"/>
      <c r="H40" s="111"/>
      <c r="I40" s="111"/>
      <c r="J40" s="111"/>
      <c r="K40" s="111"/>
      <c r="L40" s="111"/>
      <c r="M40" s="111"/>
      <c r="N40" s="111"/>
      <c r="O40" s="111"/>
      <c r="P40" s="112"/>
      <c r="Q40" s="111"/>
    </row>
    <row r="41" spans="1:17" s="18" customFormat="1" ht="3" customHeight="1">
      <c r="A41" s="12"/>
      <c r="B41" s="13"/>
      <c r="C41" s="13"/>
      <c r="D41" s="12"/>
      <c r="E41" s="39"/>
      <c r="F41" s="39"/>
      <c r="G41" s="39"/>
      <c r="H41" s="39"/>
      <c r="I41" s="39"/>
      <c r="J41" s="39"/>
      <c r="K41" s="39"/>
      <c r="L41" s="39"/>
      <c r="M41" s="39"/>
      <c r="N41" s="39"/>
      <c r="O41" s="39"/>
      <c r="P41" s="87"/>
      <c r="Q41" s="39"/>
    </row>
    <row r="42" spans="1:17" s="18" customFormat="1" ht="13.35" customHeight="1">
      <c r="A42" s="113" t="s">
        <v>108</v>
      </c>
      <c r="B42" s="114" t="s">
        <v>109</v>
      </c>
      <c r="C42" s="13"/>
      <c r="D42" s="12"/>
      <c r="E42" s="39"/>
      <c r="F42" s="39"/>
      <c r="G42" s="39"/>
      <c r="H42" s="39"/>
      <c r="I42" s="39"/>
      <c r="J42" s="39"/>
      <c r="K42" s="39"/>
      <c r="L42" s="39"/>
      <c r="M42" s="39"/>
      <c r="N42" s="39"/>
      <c r="O42" s="39"/>
      <c r="P42" s="39"/>
      <c r="Q42" s="39"/>
    </row>
    <row r="43" spans="1:17" s="18" customFormat="1" ht="2.85" customHeight="1">
      <c r="A43" s="12"/>
      <c r="B43" s="13"/>
      <c r="C43" s="13"/>
      <c r="D43" s="13"/>
      <c r="E43" s="14"/>
      <c r="F43" s="14"/>
      <c r="G43" s="14"/>
      <c r="H43" s="14"/>
      <c r="I43" s="15"/>
      <c r="J43" s="15"/>
      <c r="K43" s="15"/>
      <c r="L43" s="14"/>
      <c r="M43" s="14"/>
      <c r="N43" s="14"/>
      <c r="O43" s="14"/>
      <c r="P43" s="14"/>
      <c r="Q43" s="14"/>
    </row>
  </sheetData>
  <pageMargins left="0.74803149606299213" right="0.51181102362204722" top="0.70866141732283472" bottom="0.59055118110236227" header="0.51181102362204722" footer="0.51181102362204722"/>
  <pageSetup scale="83" fitToHeight="2" orientation="landscape" r:id="rId1"/>
  <headerFooter alignWithMargins="0"/>
  <ignoredErrors>
    <ignoredError sqref="A42" numberStoredAsText="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D9EE95-815F-4FD9-9B3C-DB1FC107D2EE}">
  <dimension ref="A1:P54"/>
  <sheetViews>
    <sheetView showGridLines="0" view="pageBreakPreview" topLeftCell="A23" zoomScaleNormal="100" zoomScaleSheetLayoutView="100" workbookViewId="0">
      <selection activeCell="I40" sqref="I40"/>
    </sheetView>
  </sheetViews>
  <sheetFormatPr defaultColWidth="8.88671875" defaultRowHeight="12"/>
  <cols>
    <col min="1" max="1" width="2.33203125" style="99" customWidth="1"/>
    <col min="2" max="2" width="2.33203125" style="94" customWidth="1"/>
    <col min="3" max="3" width="28.88671875" style="94" customWidth="1"/>
    <col min="4" max="16" width="8" style="66" customWidth="1"/>
    <col min="17" max="16384" width="8.88671875" style="66"/>
  </cols>
  <sheetData>
    <row r="1" spans="1:16" s="2" customFormat="1" ht="15" customHeight="1">
      <c r="A1" s="1" t="s">
        <v>110</v>
      </c>
    </row>
    <row r="2" spans="1:16" s="11" customFormat="1" ht="30" customHeight="1">
      <c r="A2" s="5" t="s">
        <v>1</v>
      </c>
      <c r="B2" s="5"/>
      <c r="C2" s="5"/>
      <c r="D2" s="7" t="s">
        <v>2</v>
      </c>
      <c r="E2" s="7" t="s">
        <v>3</v>
      </c>
      <c r="F2" s="7" t="s">
        <v>4</v>
      </c>
      <c r="G2" s="7" t="s">
        <v>5</v>
      </c>
      <c r="H2" s="7" t="s">
        <v>6</v>
      </c>
      <c r="I2" s="7" t="s">
        <v>7</v>
      </c>
      <c r="J2" s="7" t="s">
        <v>8</v>
      </c>
      <c r="K2" s="7" t="s">
        <v>9</v>
      </c>
      <c r="L2" s="7" t="s">
        <v>10</v>
      </c>
      <c r="M2" s="7" t="s">
        <v>11</v>
      </c>
      <c r="N2" s="7" t="s">
        <v>12</v>
      </c>
      <c r="O2" s="74" t="s">
        <v>13</v>
      </c>
      <c r="P2" s="7" t="s">
        <v>14</v>
      </c>
    </row>
    <row r="3" spans="1:16" ht="12" customHeight="1">
      <c r="A3" s="12" t="s">
        <v>111</v>
      </c>
      <c r="B3" s="13"/>
      <c r="C3" s="13"/>
      <c r="D3" s="14"/>
      <c r="E3" s="14"/>
      <c r="F3" s="14"/>
      <c r="G3" s="14"/>
      <c r="H3" s="14"/>
      <c r="I3" s="14"/>
      <c r="J3" s="14"/>
      <c r="K3" s="14"/>
      <c r="L3" s="14"/>
      <c r="M3" s="14"/>
      <c r="N3" s="14"/>
      <c r="O3" s="75"/>
      <c r="P3" s="76" t="s">
        <v>15</v>
      </c>
    </row>
    <row r="4" spans="1:16" ht="9.75" customHeight="1">
      <c r="A4" s="12"/>
      <c r="B4" s="13" t="s">
        <v>112</v>
      </c>
      <c r="C4" s="13"/>
      <c r="D4" s="14">
        <v>6977</v>
      </c>
      <c r="E4" s="14">
        <v>6862</v>
      </c>
      <c r="F4" s="14">
        <v>8076</v>
      </c>
      <c r="G4" s="14">
        <v>8380</v>
      </c>
      <c r="H4" s="14">
        <v>9704</v>
      </c>
      <c r="I4" s="14">
        <v>8923</v>
      </c>
      <c r="J4" s="14">
        <v>11364</v>
      </c>
      <c r="K4" s="19">
        <v>10657</v>
      </c>
      <c r="L4" s="19">
        <v>11118</v>
      </c>
      <c r="M4" s="14">
        <v>13704</v>
      </c>
      <c r="N4" s="14">
        <v>17268</v>
      </c>
      <c r="O4" s="20">
        <v>16443</v>
      </c>
      <c r="P4" s="21">
        <v>8.1051978141923442</v>
      </c>
    </row>
    <row r="5" spans="1:16" ht="9.75" customHeight="1">
      <c r="A5" s="12"/>
      <c r="B5" s="13" t="s">
        <v>113</v>
      </c>
      <c r="C5" s="13"/>
      <c r="D5" s="14">
        <v>2204</v>
      </c>
      <c r="E5" s="14">
        <v>2427</v>
      </c>
      <c r="F5" s="14">
        <v>2635</v>
      </c>
      <c r="G5" s="14">
        <v>2787</v>
      </c>
      <c r="H5" s="14">
        <v>3003</v>
      </c>
      <c r="I5" s="14">
        <v>4165</v>
      </c>
      <c r="J5" s="14">
        <v>5180</v>
      </c>
      <c r="K5" s="19">
        <v>5011</v>
      </c>
      <c r="L5" s="19">
        <v>4805</v>
      </c>
      <c r="M5" s="14">
        <v>5053</v>
      </c>
      <c r="N5" s="14">
        <v>9156</v>
      </c>
      <c r="O5" s="20">
        <v>6085</v>
      </c>
      <c r="P5" s="21">
        <v>9.6718988679882933</v>
      </c>
    </row>
    <row r="6" spans="1:16" ht="9.75" customHeight="1">
      <c r="A6" s="12"/>
      <c r="B6" s="13" t="s">
        <v>114</v>
      </c>
      <c r="C6" s="13"/>
      <c r="D6" s="14">
        <v>0</v>
      </c>
      <c r="E6" s="14">
        <v>0</v>
      </c>
      <c r="F6" s="14">
        <v>0</v>
      </c>
      <c r="G6" s="14">
        <v>0</v>
      </c>
      <c r="H6" s="14">
        <v>0</v>
      </c>
      <c r="I6" s="14">
        <v>0</v>
      </c>
      <c r="J6" s="14">
        <v>464</v>
      </c>
      <c r="K6" s="19">
        <v>1897</v>
      </c>
      <c r="L6" s="19">
        <v>2156</v>
      </c>
      <c r="M6" s="14">
        <v>2443</v>
      </c>
      <c r="N6" s="14">
        <v>2720</v>
      </c>
      <c r="O6" s="20">
        <v>2886</v>
      </c>
      <c r="P6" s="116" t="s">
        <v>115</v>
      </c>
    </row>
    <row r="7" spans="1:16" ht="9.75" customHeight="1">
      <c r="A7" s="12"/>
      <c r="B7" s="13" t="s">
        <v>116</v>
      </c>
      <c r="C7" s="13"/>
      <c r="D7" s="14">
        <v>5950</v>
      </c>
      <c r="E7" s="14">
        <v>-226</v>
      </c>
      <c r="F7" s="14">
        <v>-91</v>
      </c>
      <c r="G7" s="14">
        <v>-55</v>
      </c>
      <c r="H7" s="14">
        <v>6</v>
      </c>
      <c r="I7" s="14">
        <v>13</v>
      </c>
      <c r="J7" s="14">
        <v>7</v>
      </c>
      <c r="K7" s="19">
        <v>0</v>
      </c>
      <c r="L7" s="19">
        <v>0</v>
      </c>
      <c r="M7" s="14">
        <v>0</v>
      </c>
      <c r="N7" s="14">
        <v>0</v>
      </c>
      <c r="O7" s="20">
        <v>0</v>
      </c>
      <c r="P7" s="116" t="s">
        <v>115</v>
      </c>
    </row>
    <row r="8" spans="1:16" ht="9.75" customHeight="1">
      <c r="A8" s="12"/>
      <c r="B8" s="13" t="s">
        <v>117</v>
      </c>
      <c r="C8" s="13"/>
      <c r="D8" s="14">
        <v>118</v>
      </c>
      <c r="E8" s="14">
        <v>5529</v>
      </c>
      <c r="F8" s="14">
        <v>5853</v>
      </c>
      <c r="G8" s="14">
        <v>6045</v>
      </c>
      <c r="H8" s="14">
        <v>6600</v>
      </c>
      <c r="I8" s="14">
        <v>7118</v>
      </c>
      <c r="J8" s="14">
        <v>7362</v>
      </c>
      <c r="K8" s="19">
        <v>7374</v>
      </c>
      <c r="L8" s="19">
        <v>7694</v>
      </c>
      <c r="M8" s="14">
        <v>8731</v>
      </c>
      <c r="N8" s="14">
        <v>9818</v>
      </c>
      <c r="O8" s="20">
        <v>10330</v>
      </c>
      <c r="P8" s="21">
        <v>50.163817777203846</v>
      </c>
    </row>
    <row r="9" spans="1:16" ht="9.75" customHeight="1">
      <c r="A9" s="12"/>
      <c r="B9" s="13" t="s">
        <v>118</v>
      </c>
      <c r="C9" s="13"/>
      <c r="D9" s="14">
        <v>890</v>
      </c>
      <c r="E9" s="14">
        <v>917</v>
      </c>
      <c r="F9" s="14">
        <v>932</v>
      </c>
      <c r="G9" s="14">
        <v>973</v>
      </c>
      <c r="H9" s="14">
        <v>969</v>
      </c>
      <c r="I9" s="14">
        <v>1010</v>
      </c>
      <c r="J9" s="14">
        <v>1015</v>
      </c>
      <c r="K9" s="19">
        <v>1008</v>
      </c>
      <c r="L9" s="19">
        <v>936</v>
      </c>
      <c r="M9" s="14">
        <v>1022</v>
      </c>
      <c r="N9" s="14">
        <v>1021</v>
      </c>
      <c r="O9" s="20">
        <v>982</v>
      </c>
      <c r="P9" s="21">
        <v>0.89828187605525134</v>
      </c>
    </row>
    <row r="10" spans="1:16" ht="9.75" customHeight="1">
      <c r="A10" s="12"/>
      <c r="B10" s="13" t="s">
        <v>119</v>
      </c>
      <c r="C10" s="13"/>
      <c r="D10" s="14">
        <v>1120</v>
      </c>
      <c r="E10" s="14">
        <v>1222</v>
      </c>
      <c r="F10" s="14">
        <v>1198</v>
      </c>
      <c r="G10" s="14">
        <v>1190</v>
      </c>
      <c r="H10" s="14">
        <v>1220</v>
      </c>
      <c r="I10" s="14">
        <v>1255</v>
      </c>
      <c r="J10" s="14">
        <v>1465</v>
      </c>
      <c r="K10" s="19">
        <v>1682</v>
      </c>
      <c r="L10" s="19">
        <v>1683</v>
      </c>
      <c r="M10" s="14">
        <v>2011</v>
      </c>
      <c r="N10" s="14">
        <v>2161</v>
      </c>
      <c r="O10" s="20">
        <v>2642</v>
      </c>
      <c r="P10" s="21">
        <v>8.114305481080164</v>
      </c>
    </row>
    <row r="11" spans="1:16" ht="9.75" customHeight="1">
      <c r="A11" s="12"/>
      <c r="B11" s="13" t="s">
        <v>120</v>
      </c>
      <c r="C11" s="13"/>
      <c r="D11" s="14">
        <v>614</v>
      </c>
      <c r="E11" s="14">
        <v>724</v>
      </c>
      <c r="F11" s="14">
        <v>752</v>
      </c>
      <c r="G11" s="14">
        <v>734</v>
      </c>
      <c r="H11" s="14">
        <v>737</v>
      </c>
      <c r="I11" s="14">
        <v>727</v>
      </c>
      <c r="J11" s="14">
        <v>781</v>
      </c>
      <c r="K11" s="19">
        <v>729</v>
      </c>
      <c r="L11" s="19">
        <v>711</v>
      </c>
      <c r="M11" s="14">
        <v>708</v>
      </c>
      <c r="N11" s="14">
        <v>531</v>
      </c>
      <c r="O11" s="20">
        <v>477</v>
      </c>
      <c r="P11" s="21">
        <v>-2.2691178428191461</v>
      </c>
    </row>
    <row r="12" spans="1:16" ht="9.75" customHeight="1">
      <c r="A12" s="12"/>
      <c r="B12" s="13" t="s">
        <v>121</v>
      </c>
      <c r="C12" s="13"/>
      <c r="D12" s="14">
        <v>1985</v>
      </c>
      <c r="E12" s="14">
        <v>2080</v>
      </c>
      <c r="F12" s="14">
        <v>2154</v>
      </c>
      <c r="G12" s="14">
        <v>2219</v>
      </c>
      <c r="H12" s="14">
        <v>2279</v>
      </c>
      <c r="I12" s="14">
        <v>2367</v>
      </c>
      <c r="J12" s="14">
        <v>2617</v>
      </c>
      <c r="K12" s="19">
        <v>2608</v>
      </c>
      <c r="L12" s="19">
        <v>2313</v>
      </c>
      <c r="M12" s="14">
        <v>3012</v>
      </c>
      <c r="N12" s="14">
        <v>3253</v>
      </c>
      <c r="O12" s="20">
        <v>3605</v>
      </c>
      <c r="P12" s="21">
        <v>5.5743981613184834</v>
      </c>
    </row>
    <row r="13" spans="1:16" ht="9.75" customHeight="1">
      <c r="A13" s="12"/>
      <c r="B13" s="13" t="s">
        <v>122</v>
      </c>
      <c r="C13" s="13"/>
      <c r="D13" s="14">
        <v>758</v>
      </c>
      <c r="E13" s="14">
        <v>937</v>
      </c>
      <c r="F13" s="14">
        <v>1065</v>
      </c>
      <c r="G13" s="14">
        <v>1533</v>
      </c>
      <c r="H13" s="14">
        <v>2026</v>
      </c>
      <c r="I13" s="14">
        <v>2141</v>
      </c>
      <c r="J13" s="14">
        <v>1826</v>
      </c>
      <c r="K13" s="19">
        <v>1609</v>
      </c>
      <c r="L13" s="19">
        <v>2098</v>
      </c>
      <c r="M13" s="14">
        <v>3327</v>
      </c>
      <c r="N13" s="14">
        <v>2293</v>
      </c>
      <c r="O13" s="20">
        <v>1993</v>
      </c>
      <c r="P13" s="21">
        <v>9.1860360397199479</v>
      </c>
    </row>
    <row r="14" spans="1:16" ht="11.85" customHeight="1">
      <c r="A14" s="12"/>
      <c r="B14" s="13" t="s">
        <v>123</v>
      </c>
      <c r="C14" s="13"/>
      <c r="D14" s="22">
        <v>434</v>
      </c>
      <c r="E14" s="22">
        <v>458</v>
      </c>
      <c r="F14" s="22">
        <v>482</v>
      </c>
      <c r="G14" s="22">
        <v>520</v>
      </c>
      <c r="H14" s="22">
        <v>549</v>
      </c>
      <c r="I14" s="22">
        <v>602</v>
      </c>
      <c r="J14" s="22">
        <v>633</v>
      </c>
      <c r="K14" s="23">
        <v>691</v>
      </c>
      <c r="L14" s="23">
        <v>652</v>
      </c>
      <c r="M14" s="22">
        <v>706</v>
      </c>
      <c r="N14" s="22">
        <v>804</v>
      </c>
      <c r="O14" s="24">
        <v>853</v>
      </c>
      <c r="P14" s="21">
        <v>6.3354610263901323</v>
      </c>
    </row>
    <row r="15" spans="1:16" ht="12.6" customHeight="1">
      <c r="A15" s="12"/>
      <c r="B15" s="13"/>
      <c r="C15" s="13"/>
      <c r="D15" s="82">
        <v>21050</v>
      </c>
      <c r="E15" s="82">
        <v>20930</v>
      </c>
      <c r="F15" s="82">
        <v>23056</v>
      </c>
      <c r="G15" s="82">
        <v>24326</v>
      </c>
      <c r="H15" s="82">
        <v>27093</v>
      </c>
      <c r="I15" s="82">
        <v>28321</v>
      </c>
      <c r="J15" s="82">
        <v>32714</v>
      </c>
      <c r="K15" s="117">
        <v>33266</v>
      </c>
      <c r="L15" s="117">
        <v>34166</v>
      </c>
      <c r="M15" s="82">
        <v>40717</v>
      </c>
      <c r="N15" s="82">
        <v>49025</v>
      </c>
      <c r="O15" s="118">
        <v>46296</v>
      </c>
      <c r="P15" s="21">
        <v>7.4279769221854419</v>
      </c>
    </row>
    <row r="16" spans="1:16" ht="10.35" customHeight="1">
      <c r="A16" s="12" t="s">
        <v>124</v>
      </c>
      <c r="B16" s="13"/>
      <c r="C16" s="13"/>
      <c r="D16" s="14"/>
      <c r="E16" s="14"/>
      <c r="F16" s="14"/>
      <c r="G16" s="14"/>
      <c r="H16" s="14"/>
      <c r="I16" s="14"/>
      <c r="J16" s="14"/>
      <c r="K16" s="15"/>
      <c r="L16" s="15"/>
      <c r="M16" s="15"/>
      <c r="N16" s="15"/>
      <c r="O16" s="16"/>
      <c r="P16" s="21"/>
    </row>
    <row r="17" spans="1:16" ht="9.75" customHeight="1">
      <c r="A17" s="12"/>
      <c r="B17" s="13" t="s">
        <v>125</v>
      </c>
      <c r="C17" s="13"/>
      <c r="D17" s="14">
        <v>169</v>
      </c>
      <c r="E17" s="14">
        <v>445</v>
      </c>
      <c r="F17" s="14">
        <v>493</v>
      </c>
      <c r="G17" s="14">
        <v>139</v>
      </c>
      <c r="H17" s="14">
        <v>152</v>
      </c>
      <c r="I17" s="14">
        <v>161</v>
      </c>
      <c r="J17" s="14">
        <v>199</v>
      </c>
      <c r="K17" s="14">
        <v>118</v>
      </c>
      <c r="L17" s="14">
        <v>196</v>
      </c>
      <c r="M17" s="14">
        <v>920</v>
      </c>
      <c r="N17" s="14">
        <v>2255</v>
      </c>
      <c r="O17" s="20">
        <v>823</v>
      </c>
      <c r="P17" s="21">
        <v>15.47851586982507</v>
      </c>
    </row>
    <row r="18" spans="1:16" ht="9.75" customHeight="1">
      <c r="A18" s="12"/>
      <c r="B18" s="13" t="s">
        <v>126</v>
      </c>
      <c r="C18" s="13"/>
      <c r="D18" s="14">
        <v>169</v>
      </c>
      <c r="E18" s="14">
        <v>287</v>
      </c>
      <c r="F18" s="14">
        <v>397</v>
      </c>
      <c r="G18" s="14">
        <v>76</v>
      </c>
      <c r="H18" s="14">
        <v>117</v>
      </c>
      <c r="I18" s="14">
        <v>196</v>
      </c>
      <c r="J18" s="14">
        <v>106</v>
      </c>
      <c r="K18" s="14">
        <v>60</v>
      </c>
      <c r="L18" s="14">
        <v>45</v>
      </c>
      <c r="M18" s="14">
        <v>45</v>
      </c>
      <c r="N18" s="14">
        <v>41</v>
      </c>
      <c r="O18" s="20">
        <v>42</v>
      </c>
      <c r="P18" s="21">
        <v>-11.888425407650727</v>
      </c>
    </row>
    <row r="19" spans="1:16" ht="9.75" customHeight="1">
      <c r="A19" s="12"/>
      <c r="B19" s="13" t="s">
        <v>127</v>
      </c>
      <c r="C19" s="13"/>
      <c r="D19" s="14">
        <v>89</v>
      </c>
      <c r="E19" s="14">
        <v>170</v>
      </c>
      <c r="F19" s="14">
        <v>130</v>
      </c>
      <c r="G19" s="14">
        <v>116</v>
      </c>
      <c r="H19" s="14">
        <v>111</v>
      </c>
      <c r="I19" s="14">
        <v>111</v>
      </c>
      <c r="J19" s="14">
        <v>202</v>
      </c>
      <c r="K19" s="14">
        <v>119</v>
      </c>
      <c r="L19" s="14">
        <v>117</v>
      </c>
      <c r="M19" s="14">
        <v>231</v>
      </c>
      <c r="N19" s="14">
        <v>437</v>
      </c>
      <c r="O19" s="20">
        <v>448</v>
      </c>
      <c r="P19" s="21">
        <v>15.826517993675914</v>
      </c>
    </row>
    <row r="20" spans="1:16" ht="9.75" customHeight="1">
      <c r="A20" s="12"/>
      <c r="B20" s="13" t="s">
        <v>128</v>
      </c>
      <c r="C20" s="13"/>
      <c r="D20" s="14">
        <v>306</v>
      </c>
      <c r="E20" s="14">
        <v>269</v>
      </c>
      <c r="F20" s="14">
        <v>267</v>
      </c>
      <c r="G20" s="14">
        <v>226</v>
      </c>
      <c r="H20" s="14">
        <v>403</v>
      </c>
      <c r="I20" s="14">
        <v>619</v>
      </c>
      <c r="J20" s="14">
        <v>557</v>
      </c>
      <c r="K20" s="14">
        <v>386</v>
      </c>
      <c r="L20" s="14">
        <v>191</v>
      </c>
      <c r="M20" s="14">
        <v>795</v>
      </c>
      <c r="N20" s="14">
        <v>979</v>
      </c>
      <c r="O20" s="20">
        <v>637</v>
      </c>
      <c r="P20" s="21">
        <v>6.8924647985569631</v>
      </c>
    </row>
    <row r="21" spans="1:16" ht="9.75" customHeight="1">
      <c r="A21" s="12"/>
      <c r="B21" s="13" t="s">
        <v>129</v>
      </c>
      <c r="C21" s="13"/>
      <c r="D21" s="14">
        <v>562</v>
      </c>
      <c r="E21" s="14">
        <v>719</v>
      </c>
      <c r="F21" s="14">
        <v>754</v>
      </c>
      <c r="G21" s="14">
        <v>865</v>
      </c>
      <c r="H21" s="14">
        <v>913</v>
      </c>
      <c r="I21" s="14">
        <v>1065</v>
      </c>
      <c r="J21" s="14">
        <v>1406</v>
      </c>
      <c r="K21" s="14">
        <v>988</v>
      </c>
      <c r="L21" s="14">
        <v>1304</v>
      </c>
      <c r="M21" s="14">
        <v>1893</v>
      </c>
      <c r="N21" s="14">
        <v>1887</v>
      </c>
      <c r="O21" s="20">
        <v>657</v>
      </c>
      <c r="P21" s="21">
        <v>1.429965469480754</v>
      </c>
    </row>
    <row r="22" spans="1:16" ht="11.85" customHeight="1">
      <c r="A22" s="12"/>
      <c r="B22" s="13" t="s">
        <v>130</v>
      </c>
      <c r="C22" s="13"/>
      <c r="D22" s="22">
        <v>479</v>
      </c>
      <c r="E22" s="22">
        <v>493</v>
      </c>
      <c r="F22" s="22">
        <v>459</v>
      </c>
      <c r="G22" s="22">
        <v>460</v>
      </c>
      <c r="H22" s="22">
        <v>499</v>
      </c>
      <c r="I22" s="22">
        <v>463</v>
      </c>
      <c r="J22" s="22">
        <v>465</v>
      </c>
      <c r="K22" s="22">
        <v>432</v>
      </c>
      <c r="L22" s="22">
        <v>433</v>
      </c>
      <c r="M22" s="22">
        <v>499</v>
      </c>
      <c r="N22" s="22">
        <v>518</v>
      </c>
      <c r="O22" s="24">
        <v>536</v>
      </c>
      <c r="P22" s="21">
        <v>1.027364829317956</v>
      </c>
    </row>
    <row r="23" spans="1:16" ht="12.6" customHeight="1">
      <c r="A23" s="12"/>
      <c r="B23" s="13"/>
      <c r="C23" s="13"/>
      <c r="D23" s="82">
        <v>1774</v>
      </c>
      <c r="E23" s="82">
        <v>2383</v>
      </c>
      <c r="F23" s="82">
        <v>2500</v>
      </c>
      <c r="G23" s="82">
        <v>1882</v>
      </c>
      <c r="H23" s="82">
        <v>2195</v>
      </c>
      <c r="I23" s="82">
        <v>2615</v>
      </c>
      <c r="J23" s="82">
        <v>2935</v>
      </c>
      <c r="K23" s="82">
        <v>2103</v>
      </c>
      <c r="L23" s="82">
        <v>2286</v>
      </c>
      <c r="M23" s="82">
        <v>4383</v>
      </c>
      <c r="N23" s="82">
        <v>6117</v>
      </c>
      <c r="O23" s="118">
        <v>3143</v>
      </c>
      <c r="P23" s="21">
        <v>5.3370080531313535</v>
      </c>
    </row>
    <row r="24" spans="1:16" ht="10.35" customHeight="1">
      <c r="A24" s="12" t="s">
        <v>131</v>
      </c>
      <c r="B24" s="13"/>
      <c r="C24" s="13"/>
      <c r="D24" s="14"/>
      <c r="E24" s="14"/>
      <c r="F24" s="14"/>
      <c r="G24" s="14"/>
      <c r="H24" s="14"/>
      <c r="I24" s="14"/>
      <c r="J24" s="14"/>
      <c r="K24" s="15"/>
      <c r="L24" s="15"/>
      <c r="M24" s="15"/>
      <c r="N24" s="15"/>
      <c r="O24" s="16"/>
      <c r="P24" s="21"/>
    </row>
    <row r="25" spans="1:16" ht="9.75" customHeight="1">
      <c r="A25" s="12"/>
      <c r="B25" s="13" t="s">
        <v>132</v>
      </c>
      <c r="C25" s="13"/>
      <c r="D25" s="14">
        <v>2047</v>
      </c>
      <c r="E25" s="14">
        <v>2158</v>
      </c>
      <c r="F25" s="14">
        <v>2254</v>
      </c>
      <c r="G25" s="14">
        <v>2434</v>
      </c>
      <c r="H25" s="14">
        <v>2558</v>
      </c>
      <c r="I25" s="14">
        <v>2266</v>
      </c>
      <c r="J25" s="14">
        <v>1360</v>
      </c>
      <c r="K25" s="14">
        <v>1063</v>
      </c>
      <c r="L25" s="14">
        <v>-4</v>
      </c>
      <c r="M25" s="14">
        <v>1</v>
      </c>
      <c r="N25" s="14">
        <v>-1</v>
      </c>
      <c r="O25" s="20">
        <v>-1</v>
      </c>
      <c r="P25" s="116" t="s">
        <v>115</v>
      </c>
    </row>
    <row r="26" spans="1:16" ht="9.75" customHeight="1">
      <c r="A26" s="12"/>
      <c r="B26" s="13" t="s">
        <v>133</v>
      </c>
      <c r="C26" s="13"/>
      <c r="D26" s="14">
        <v>1345</v>
      </c>
      <c r="E26" s="14">
        <v>1445</v>
      </c>
      <c r="F26" s="14">
        <v>1544</v>
      </c>
      <c r="G26" s="14">
        <v>1666</v>
      </c>
      <c r="H26" s="14">
        <v>1828</v>
      </c>
      <c r="I26" s="14">
        <v>2034</v>
      </c>
      <c r="J26" s="14">
        <v>2275</v>
      </c>
      <c r="K26" s="14">
        <v>2451</v>
      </c>
      <c r="L26" s="14">
        <v>2418</v>
      </c>
      <c r="M26" s="14">
        <v>2536</v>
      </c>
      <c r="N26" s="14">
        <v>2651</v>
      </c>
      <c r="O26" s="20">
        <v>2840</v>
      </c>
      <c r="P26" s="21">
        <v>7.0307903321819909</v>
      </c>
    </row>
    <row r="27" spans="1:16" ht="9.75" customHeight="1">
      <c r="A27" s="12"/>
      <c r="B27" s="13" t="s">
        <v>134</v>
      </c>
      <c r="C27" s="13"/>
      <c r="D27" s="14">
        <v>327</v>
      </c>
      <c r="E27" s="14">
        <v>333</v>
      </c>
      <c r="F27" s="14">
        <v>358</v>
      </c>
      <c r="G27" s="14">
        <v>374</v>
      </c>
      <c r="H27" s="14">
        <v>404</v>
      </c>
      <c r="I27" s="14">
        <v>429</v>
      </c>
      <c r="J27" s="14">
        <v>441</v>
      </c>
      <c r="K27" s="14">
        <v>475</v>
      </c>
      <c r="L27" s="14">
        <v>372</v>
      </c>
      <c r="M27" s="14">
        <v>417</v>
      </c>
      <c r="N27" s="14">
        <v>519</v>
      </c>
      <c r="O27" s="20">
        <v>591</v>
      </c>
      <c r="P27" s="21">
        <v>5.5278883933108647</v>
      </c>
    </row>
    <row r="28" spans="1:16" ht="9.75" customHeight="1">
      <c r="A28" s="12"/>
      <c r="B28" s="13" t="s">
        <v>135</v>
      </c>
      <c r="C28" s="13"/>
      <c r="D28" s="14">
        <v>492</v>
      </c>
      <c r="E28" s="14">
        <v>507</v>
      </c>
      <c r="F28" s="14">
        <v>507</v>
      </c>
      <c r="G28" s="14">
        <v>527</v>
      </c>
      <c r="H28" s="14">
        <v>539</v>
      </c>
      <c r="I28" s="14">
        <v>557</v>
      </c>
      <c r="J28" s="14">
        <v>563</v>
      </c>
      <c r="K28" s="14">
        <v>576</v>
      </c>
      <c r="L28" s="14">
        <v>581</v>
      </c>
      <c r="M28" s="14">
        <v>622</v>
      </c>
      <c r="N28" s="14">
        <v>621</v>
      </c>
      <c r="O28" s="20">
        <v>630</v>
      </c>
      <c r="P28" s="21">
        <v>2.2730962782334885</v>
      </c>
    </row>
    <row r="29" spans="1:16" ht="9.75" customHeight="1">
      <c r="A29" s="12"/>
      <c r="B29" s="13" t="s">
        <v>136</v>
      </c>
      <c r="C29" s="13"/>
      <c r="D29" s="14">
        <v>699</v>
      </c>
      <c r="E29" s="14">
        <v>770</v>
      </c>
      <c r="F29" s="14">
        <v>770</v>
      </c>
      <c r="G29" s="14">
        <v>841</v>
      </c>
      <c r="H29" s="14">
        <v>894</v>
      </c>
      <c r="I29" s="14">
        <v>963</v>
      </c>
      <c r="J29" s="14">
        <v>949</v>
      </c>
      <c r="K29" s="14">
        <v>1004</v>
      </c>
      <c r="L29" s="14">
        <v>970</v>
      </c>
      <c r="M29" s="14">
        <v>1025</v>
      </c>
      <c r="N29" s="14">
        <v>1146</v>
      </c>
      <c r="O29" s="20">
        <v>1217</v>
      </c>
      <c r="P29" s="21">
        <v>5.1700614075515405</v>
      </c>
    </row>
    <row r="30" spans="1:16" ht="9.75" customHeight="1">
      <c r="A30" s="12"/>
      <c r="B30" s="13" t="s">
        <v>137</v>
      </c>
      <c r="C30" s="13"/>
      <c r="D30" s="14">
        <v>1189</v>
      </c>
      <c r="E30" s="14">
        <v>1203</v>
      </c>
      <c r="F30" s="14">
        <v>1171</v>
      </c>
      <c r="G30" s="14">
        <v>1213</v>
      </c>
      <c r="H30" s="14">
        <v>1232</v>
      </c>
      <c r="I30" s="14">
        <v>1101</v>
      </c>
      <c r="J30" s="14">
        <v>1243</v>
      </c>
      <c r="K30" s="14">
        <v>1263</v>
      </c>
      <c r="L30" s="14">
        <v>1264</v>
      </c>
      <c r="M30" s="14">
        <v>1306</v>
      </c>
      <c r="N30" s="14">
        <v>1314</v>
      </c>
      <c r="O30" s="20">
        <v>1708</v>
      </c>
      <c r="P30" s="21">
        <v>3.3476359063233874</v>
      </c>
    </row>
    <row r="31" spans="1:16" ht="9.75" customHeight="1">
      <c r="A31" s="12"/>
      <c r="B31" s="13" t="s">
        <v>138</v>
      </c>
      <c r="C31" s="13"/>
      <c r="D31" s="14">
        <v>942</v>
      </c>
      <c r="E31" s="14">
        <v>946</v>
      </c>
      <c r="F31" s="14">
        <v>967</v>
      </c>
      <c r="G31" s="14">
        <v>1011</v>
      </c>
      <c r="H31" s="14">
        <v>1131</v>
      </c>
      <c r="I31" s="14">
        <v>1133</v>
      </c>
      <c r="J31" s="14">
        <v>1164</v>
      </c>
      <c r="K31" s="14">
        <v>1162</v>
      </c>
      <c r="L31" s="14">
        <v>741</v>
      </c>
      <c r="M31" s="14">
        <v>1059</v>
      </c>
      <c r="N31" s="14">
        <v>1396</v>
      </c>
      <c r="O31" s="20">
        <v>1548</v>
      </c>
      <c r="P31" s="21">
        <v>4.6190841802654869</v>
      </c>
    </row>
    <row r="32" spans="1:16" ht="11.85" customHeight="1">
      <c r="A32" s="12"/>
      <c r="B32" s="13" t="s">
        <v>139</v>
      </c>
      <c r="C32" s="13"/>
      <c r="D32" s="22">
        <v>1673</v>
      </c>
      <c r="E32" s="22">
        <v>2256</v>
      </c>
      <c r="F32" s="22">
        <v>1893</v>
      </c>
      <c r="G32" s="22">
        <v>2287</v>
      </c>
      <c r="H32" s="22">
        <v>2377</v>
      </c>
      <c r="I32" s="22">
        <v>2410</v>
      </c>
      <c r="J32" s="22">
        <v>2249</v>
      </c>
      <c r="K32" s="22">
        <v>2676</v>
      </c>
      <c r="L32" s="22">
        <v>2395</v>
      </c>
      <c r="M32" s="22">
        <v>2851</v>
      </c>
      <c r="N32" s="22">
        <v>3049</v>
      </c>
      <c r="O32" s="24">
        <v>3440</v>
      </c>
      <c r="P32" s="21">
        <v>6.7727005887026959</v>
      </c>
    </row>
    <row r="33" spans="1:16" ht="12.6" customHeight="1">
      <c r="A33" s="12"/>
      <c r="B33" s="13"/>
      <c r="C33" s="13"/>
      <c r="D33" s="82">
        <v>8714</v>
      </c>
      <c r="E33" s="82">
        <v>9618</v>
      </c>
      <c r="F33" s="82">
        <v>9464</v>
      </c>
      <c r="G33" s="82">
        <v>10353</v>
      </c>
      <c r="H33" s="82">
        <v>10963</v>
      </c>
      <c r="I33" s="82">
        <v>10893</v>
      </c>
      <c r="J33" s="82">
        <v>10244</v>
      </c>
      <c r="K33" s="82">
        <v>10670</v>
      </c>
      <c r="L33" s="82">
        <v>8737</v>
      </c>
      <c r="M33" s="82">
        <v>9817</v>
      </c>
      <c r="N33" s="82">
        <v>10695</v>
      </c>
      <c r="O33" s="118">
        <v>11973</v>
      </c>
      <c r="P33" s="21">
        <v>2.9305112076556616</v>
      </c>
    </row>
    <row r="34" spans="1:16" ht="10.35" customHeight="1">
      <c r="A34" s="12" t="s">
        <v>140</v>
      </c>
      <c r="B34" s="13"/>
      <c r="C34" s="13"/>
      <c r="D34" s="14"/>
      <c r="E34" s="14"/>
      <c r="F34" s="14"/>
      <c r="G34" s="14"/>
      <c r="H34" s="14"/>
      <c r="I34" s="14"/>
      <c r="J34" s="14"/>
      <c r="K34" s="15"/>
      <c r="L34" s="15"/>
      <c r="M34" s="15"/>
      <c r="N34" s="15"/>
      <c r="O34" s="16"/>
      <c r="P34" s="21"/>
    </row>
    <row r="35" spans="1:16" ht="9.75" customHeight="1">
      <c r="A35" s="12"/>
      <c r="B35" s="13" t="s">
        <v>141</v>
      </c>
      <c r="C35" s="13"/>
      <c r="D35" s="14">
        <v>3887</v>
      </c>
      <c r="E35" s="14">
        <v>4280</v>
      </c>
      <c r="F35" s="14">
        <v>4186</v>
      </c>
      <c r="G35" s="14">
        <v>4454</v>
      </c>
      <c r="H35" s="14">
        <v>4744</v>
      </c>
      <c r="I35" s="14">
        <v>4994</v>
      </c>
      <c r="J35" s="14">
        <v>5182</v>
      </c>
      <c r="K35" s="14">
        <v>5523</v>
      </c>
      <c r="L35" s="14">
        <v>5701</v>
      </c>
      <c r="M35" s="14">
        <v>6431</v>
      </c>
      <c r="N35" s="14">
        <v>6432</v>
      </c>
      <c r="O35" s="20">
        <v>7117</v>
      </c>
      <c r="P35" s="21">
        <v>5.6526076435404082</v>
      </c>
    </row>
    <row r="36" spans="1:16" ht="9.75" customHeight="1">
      <c r="A36" s="12"/>
      <c r="B36" s="13" t="s">
        <v>142</v>
      </c>
      <c r="C36" s="13"/>
      <c r="D36" s="14">
        <v>1555</v>
      </c>
      <c r="E36" s="14">
        <v>1589</v>
      </c>
      <c r="F36" s="14">
        <v>1641</v>
      </c>
      <c r="G36" s="14">
        <v>1695</v>
      </c>
      <c r="H36" s="14">
        <v>1751</v>
      </c>
      <c r="I36" s="14">
        <v>1854</v>
      </c>
      <c r="J36" s="14">
        <v>1908</v>
      </c>
      <c r="K36" s="14">
        <v>1971</v>
      </c>
      <c r="L36" s="14">
        <v>2042</v>
      </c>
      <c r="M36" s="14">
        <v>2110</v>
      </c>
      <c r="N36" s="14">
        <v>2174</v>
      </c>
      <c r="O36" s="20">
        <v>2273</v>
      </c>
      <c r="P36" s="21">
        <v>3.5113790894405472</v>
      </c>
    </row>
    <row r="37" spans="1:16" ht="11.85" customHeight="1">
      <c r="A37" s="12"/>
      <c r="B37" s="13" t="s">
        <v>143</v>
      </c>
      <c r="C37" s="13"/>
      <c r="D37" s="22">
        <v>1605</v>
      </c>
      <c r="E37" s="22">
        <v>1645</v>
      </c>
      <c r="F37" s="22">
        <v>1452</v>
      </c>
      <c r="G37" s="22">
        <v>1498</v>
      </c>
      <c r="H37" s="22">
        <v>1672</v>
      </c>
      <c r="I37" s="22">
        <v>2207</v>
      </c>
      <c r="J37" s="22">
        <v>1962</v>
      </c>
      <c r="K37" s="22">
        <v>2041</v>
      </c>
      <c r="L37" s="22">
        <v>5151</v>
      </c>
      <c r="M37" s="22">
        <v>3439</v>
      </c>
      <c r="N37" s="22">
        <v>3921</v>
      </c>
      <c r="O37" s="24">
        <v>4344</v>
      </c>
      <c r="P37" s="21">
        <v>9.4738607927216112</v>
      </c>
    </row>
    <row r="38" spans="1:16" ht="12.6" customHeight="1">
      <c r="A38" s="12"/>
      <c r="B38" s="13"/>
      <c r="C38" s="13"/>
      <c r="D38" s="82">
        <v>7047</v>
      </c>
      <c r="E38" s="82">
        <v>7514</v>
      </c>
      <c r="F38" s="82">
        <v>7279</v>
      </c>
      <c r="G38" s="82">
        <v>7647</v>
      </c>
      <c r="H38" s="82">
        <v>8167</v>
      </c>
      <c r="I38" s="82">
        <v>9055</v>
      </c>
      <c r="J38" s="82">
        <v>9052</v>
      </c>
      <c r="K38" s="82">
        <v>9535</v>
      </c>
      <c r="L38" s="82">
        <v>12894</v>
      </c>
      <c r="M38" s="82">
        <v>11980</v>
      </c>
      <c r="N38" s="82">
        <v>12527</v>
      </c>
      <c r="O38" s="118">
        <v>13734</v>
      </c>
      <c r="P38" s="21">
        <v>6.2538798946101704</v>
      </c>
    </row>
    <row r="39" spans="1:16" ht="12" customHeight="1">
      <c r="A39" s="12" t="s">
        <v>144</v>
      </c>
      <c r="B39" s="13"/>
      <c r="C39" s="13"/>
      <c r="D39" s="14"/>
      <c r="E39" s="14"/>
      <c r="F39" s="14"/>
      <c r="G39" s="14"/>
      <c r="H39" s="14"/>
      <c r="I39" s="14"/>
      <c r="J39" s="14"/>
      <c r="K39" s="15"/>
      <c r="L39" s="15"/>
      <c r="M39" s="14"/>
      <c r="N39" s="14"/>
      <c r="O39" s="20"/>
      <c r="P39" s="21"/>
    </row>
    <row r="40" spans="1:16" ht="11.4">
      <c r="A40" s="12"/>
      <c r="B40" s="13" t="s">
        <v>145</v>
      </c>
      <c r="C40" s="13"/>
      <c r="D40" s="14">
        <v>509</v>
      </c>
      <c r="E40" s="14">
        <v>549</v>
      </c>
      <c r="F40" s="14">
        <v>581</v>
      </c>
      <c r="G40" s="14">
        <v>655</v>
      </c>
      <c r="H40" s="14">
        <v>684</v>
      </c>
      <c r="I40" s="14">
        <v>683</v>
      </c>
      <c r="J40" s="14">
        <v>-428</v>
      </c>
      <c r="K40" s="19">
        <v>705</v>
      </c>
      <c r="L40" s="19">
        <v>688</v>
      </c>
      <c r="M40" s="14">
        <v>668</v>
      </c>
      <c r="N40" s="14">
        <v>360</v>
      </c>
      <c r="O40" s="20">
        <v>323</v>
      </c>
      <c r="P40" s="21">
        <v>-4.050201446374424</v>
      </c>
    </row>
    <row r="41" spans="1:16" ht="9.75" customHeight="1">
      <c r="A41" s="12"/>
      <c r="B41" s="13" t="s">
        <v>146</v>
      </c>
      <c r="C41" s="13"/>
      <c r="D41" s="14">
        <v>930</v>
      </c>
      <c r="E41" s="14">
        <v>877</v>
      </c>
      <c r="F41" s="14">
        <v>935</v>
      </c>
      <c r="G41" s="14">
        <v>1031</v>
      </c>
      <c r="H41" s="14">
        <v>1083</v>
      </c>
      <c r="I41" s="14">
        <v>1119</v>
      </c>
      <c r="J41" s="14">
        <v>1104</v>
      </c>
      <c r="K41" s="19">
        <v>1107</v>
      </c>
      <c r="L41" s="19">
        <v>1161</v>
      </c>
      <c r="M41" s="14">
        <v>1189</v>
      </c>
      <c r="N41" s="14">
        <v>1199</v>
      </c>
      <c r="O41" s="20">
        <v>1148</v>
      </c>
      <c r="P41" s="21">
        <v>1.9329161813410378</v>
      </c>
    </row>
    <row r="42" spans="1:16" ht="11.4">
      <c r="A42" s="12"/>
      <c r="B42" s="13" t="s">
        <v>147</v>
      </c>
      <c r="C42" s="13"/>
      <c r="D42" s="14">
        <v>1116</v>
      </c>
      <c r="E42" s="14">
        <v>1165</v>
      </c>
      <c r="F42" s="14">
        <v>1245</v>
      </c>
      <c r="G42" s="14">
        <v>1304</v>
      </c>
      <c r="H42" s="14">
        <v>1329</v>
      </c>
      <c r="I42" s="14">
        <v>1391</v>
      </c>
      <c r="J42" s="14">
        <v>1405</v>
      </c>
      <c r="K42" s="19">
        <v>1336</v>
      </c>
      <c r="L42" s="19">
        <v>420</v>
      </c>
      <c r="M42" s="14">
        <v>1211</v>
      </c>
      <c r="N42" s="14">
        <v>1584</v>
      </c>
      <c r="O42" s="20">
        <v>1429</v>
      </c>
      <c r="P42" s="21">
        <v>2.2729375885878422</v>
      </c>
    </row>
    <row r="43" spans="1:16" ht="9.75" customHeight="1">
      <c r="A43" s="12"/>
      <c r="B43" s="13" t="s">
        <v>148</v>
      </c>
      <c r="C43" s="13"/>
      <c r="D43" s="14">
        <v>231</v>
      </c>
      <c r="E43" s="14">
        <v>136</v>
      </c>
      <c r="F43" s="14">
        <v>657</v>
      </c>
      <c r="G43" s="14">
        <v>-293</v>
      </c>
      <c r="H43" s="14">
        <v>-612</v>
      </c>
      <c r="I43" s="14">
        <v>-1327</v>
      </c>
      <c r="J43" s="14">
        <v>-1153</v>
      </c>
      <c r="K43" s="19">
        <v>-376</v>
      </c>
      <c r="L43" s="19">
        <v>1528</v>
      </c>
      <c r="M43" s="14">
        <v>2286</v>
      </c>
      <c r="N43" s="14">
        <v>131</v>
      </c>
      <c r="O43" s="20">
        <v>1399</v>
      </c>
      <c r="P43" s="21">
        <v>17.790322877128673</v>
      </c>
    </row>
    <row r="44" spans="1:16" ht="9.75" customHeight="1">
      <c r="A44" s="12"/>
      <c r="B44" s="13" t="s">
        <v>149</v>
      </c>
      <c r="C44" s="13"/>
      <c r="D44" s="14">
        <v>-10</v>
      </c>
      <c r="E44" s="14">
        <v>-26</v>
      </c>
      <c r="F44" s="14">
        <v>-47</v>
      </c>
      <c r="G44" s="14">
        <v>13</v>
      </c>
      <c r="H44" s="14">
        <v>41</v>
      </c>
      <c r="I44" s="14">
        <v>140</v>
      </c>
      <c r="J44" s="14">
        <v>127</v>
      </c>
      <c r="K44" s="19">
        <v>147</v>
      </c>
      <c r="L44" s="19">
        <v>167</v>
      </c>
      <c r="M44" s="14">
        <v>140</v>
      </c>
      <c r="N44" s="14">
        <v>152</v>
      </c>
      <c r="O44" s="20">
        <v>178</v>
      </c>
      <c r="P44" s="21">
        <v>-229.91956137452138</v>
      </c>
    </row>
    <row r="45" spans="1:16">
      <c r="A45" s="12"/>
      <c r="B45" s="29" t="s">
        <v>150</v>
      </c>
      <c r="C45" s="13"/>
      <c r="D45" s="22">
        <v>0</v>
      </c>
      <c r="E45" s="22">
        <v>0</v>
      </c>
      <c r="F45" s="22">
        <v>0</v>
      </c>
      <c r="G45" s="22">
        <v>0</v>
      </c>
      <c r="H45" s="22">
        <v>0</v>
      </c>
      <c r="I45" s="22">
        <v>-950</v>
      </c>
      <c r="J45" s="22">
        <v>950</v>
      </c>
      <c r="K45" s="23">
        <v>0</v>
      </c>
      <c r="L45" s="23">
        <v>0</v>
      </c>
      <c r="M45" s="22">
        <v>0</v>
      </c>
      <c r="N45" s="22">
        <v>0</v>
      </c>
      <c r="O45" s="24">
        <v>0</v>
      </c>
      <c r="P45" s="116" t="s">
        <v>115</v>
      </c>
    </row>
    <row r="46" spans="1:16" ht="12.6" customHeight="1">
      <c r="A46" s="12"/>
      <c r="B46" s="13"/>
      <c r="C46" s="13"/>
      <c r="D46" s="82">
        <v>2776</v>
      </c>
      <c r="E46" s="82">
        <v>2701</v>
      </c>
      <c r="F46" s="82">
        <v>3371</v>
      </c>
      <c r="G46" s="82">
        <v>2710</v>
      </c>
      <c r="H46" s="82">
        <v>2525</v>
      </c>
      <c r="I46" s="82">
        <v>1056</v>
      </c>
      <c r="J46" s="82">
        <v>2005</v>
      </c>
      <c r="K46" s="117">
        <v>2919</v>
      </c>
      <c r="L46" s="117">
        <v>3964</v>
      </c>
      <c r="M46" s="82">
        <v>5494</v>
      </c>
      <c r="N46" s="82">
        <v>3426</v>
      </c>
      <c r="O46" s="118">
        <v>4477</v>
      </c>
      <c r="P46" s="21">
        <v>4.4407026019841922</v>
      </c>
    </row>
    <row r="47" spans="1:16" ht="15" customHeight="1">
      <c r="B47" s="13"/>
      <c r="C47" s="12" t="s">
        <v>151</v>
      </c>
      <c r="D47" s="39">
        <v>41361</v>
      </c>
      <c r="E47" s="39">
        <v>43146</v>
      </c>
      <c r="F47" s="39">
        <v>45670</v>
      </c>
      <c r="G47" s="39">
        <v>46918</v>
      </c>
      <c r="H47" s="39">
        <v>50943</v>
      </c>
      <c r="I47" s="39">
        <v>51940</v>
      </c>
      <c r="J47" s="39">
        <v>56950</v>
      </c>
      <c r="K47" s="40">
        <v>58493</v>
      </c>
      <c r="L47" s="40">
        <v>62047</v>
      </c>
      <c r="M47" s="39">
        <v>72391</v>
      </c>
      <c r="N47" s="39">
        <v>81790</v>
      </c>
      <c r="O47" s="41">
        <v>79623</v>
      </c>
      <c r="P47" s="21">
        <v>6.1350586462457501</v>
      </c>
    </row>
    <row r="48" spans="1:16" ht="2.25" customHeight="1">
      <c r="A48" s="96"/>
      <c r="B48" s="54"/>
      <c r="C48" s="54"/>
      <c r="D48" s="55"/>
      <c r="E48" s="55"/>
      <c r="F48" s="55"/>
      <c r="G48" s="55"/>
      <c r="H48" s="55"/>
      <c r="I48" s="55"/>
      <c r="J48" s="55"/>
      <c r="K48" s="55"/>
      <c r="L48" s="55"/>
      <c r="M48" s="55"/>
      <c r="N48" s="55"/>
      <c r="O48" s="55"/>
      <c r="P48" s="276"/>
    </row>
    <row r="49" spans="1:16" ht="1.35" customHeight="1">
      <c r="A49" s="120">
        <v>1</v>
      </c>
      <c r="B49" s="277" t="s">
        <v>152</v>
      </c>
      <c r="C49" s="278"/>
      <c r="D49" s="279"/>
      <c r="E49" s="279"/>
      <c r="F49" s="279"/>
      <c r="G49" s="279"/>
      <c r="H49" s="279"/>
      <c r="I49" s="279"/>
      <c r="J49" s="279"/>
      <c r="K49" s="279"/>
      <c r="L49" s="279"/>
      <c r="M49" s="279"/>
      <c r="N49" s="279"/>
      <c r="O49" s="279"/>
      <c r="P49" s="280"/>
    </row>
    <row r="50" spans="1:16" ht="2.1" customHeight="1">
      <c r="A50" s="120"/>
      <c r="B50" s="144"/>
      <c r="C50" s="121"/>
      <c r="D50" s="279"/>
      <c r="E50" s="279"/>
      <c r="F50" s="279"/>
      <c r="G50" s="279"/>
      <c r="H50" s="279"/>
      <c r="I50" s="279"/>
      <c r="J50" s="279"/>
      <c r="K50" s="279"/>
      <c r="L50" s="279"/>
      <c r="M50" s="279"/>
      <c r="N50" s="279"/>
      <c r="O50" s="279"/>
      <c r="P50" s="280"/>
    </row>
    <row r="51" spans="1:16" ht="19.05" customHeight="1">
      <c r="A51" s="122">
        <v>1</v>
      </c>
      <c r="B51" s="284" t="s">
        <v>153</v>
      </c>
      <c r="C51" s="284"/>
      <c r="D51" s="284"/>
      <c r="E51" s="284"/>
      <c r="F51" s="284"/>
      <c r="G51" s="284"/>
      <c r="H51" s="284"/>
      <c r="I51" s="284"/>
      <c r="J51" s="284"/>
      <c r="K51" s="284"/>
      <c r="L51" s="284"/>
      <c r="M51" s="284"/>
      <c r="N51" s="284"/>
      <c r="O51" s="284"/>
      <c r="P51" s="284"/>
    </row>
    <row r="52" spans="1:16" ht="11.1" customHeight="1">
      <c r="A52" s="122">
        <v>2</v>
      </c>
      <c r="B52" s="123" t="s">
        <v>154</v>
      </c>
      <c r="C52" s="124"/>
      <c r="D52" s="125"/>
      <c r="E52" s="125"/>
      <c r="F52" s="125"/>
      <c r="G52" s="125"/>
      <c r="H52" s="125"/>
      <c r="I52" s="125"/>
      <c r="J52" s="125"/>
      <c r="K52" s="125"/>
      <c r="L52" s="125"/>
      <c r="M52" s="125"/>
      <c r="N52" s="125"/>
      <c r="O52" s="125"/>
      <c r="P52" s="126"/>
    </row>
    <row r="53" spans="1:16" ht="11.1" customHeight="1">
      <c r="A53" s="122">
        <v>3</v>
      </c>
      <c r="B53" s="284" t="s">
        <v>155</v>
      </c>
      <c r="C53" s="284"/>
      <c r="D53" s="284"/>
      <c r="E53" s="284"/>
      <c r="F53" s="284"/>
      <c r="G53" s="284"/>
      <c r="H53" s="284"/>
      <c r="I53" s="284"/>
      <c r="J53" s="284"/>
      <c r="K53" s="284"/>
      <c r="L53" s="284"/>
      <c r="M53" s="284"/>
      <c r="N53" s="284"/>
      <c r="O53" s="284"/>
      <c r="P53" s="284"/>
    </row>
    <row r="54" spans="1:16" ht="21.6" customHeight="1">
      <c r="A54" s="122">
        <v>4</v>
      </c>
      <c r="B54" s="284" t="s">
        <v>156</v>
      </c>
      <c r="C54" s="284"/>
      <c r="D54" s="284"/>
      <c r="E54" s="284"/>
      <c r="F54" s="284"/>
      <c r="G54" s="284"/>
      <c r="H54" s="284"/>
      <c r="I54" s="284"/>
      <c r="J54" s="284"/>
      <c r="K54" s="284"/>
      <c r="L54" s="284"/>
      <c r="M54" s="284"/>
      <c r="N54" s="284"/>
      <c r="O54" s="284"/>
      <c r="P54" s="284"/>
    </row>
  </sheetData>
  <mergeCells count="3">
    <mergeCell ref="B51:P51"/>
    <mergeCell ref="B53:P53"/>
    <mergeCell ref="B54:P54"/>
  </mergeCells>
  <pageMargins left="0.74803149606299213" right="0.27559055118110237" top="0.59055118110236227" bottom="0.39370078740157483" header="0.51181102362204722" footer="0.27559055118110237"/>
  <pageSetup scale="86" fitToHeight="2" orientation="landscape"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ABA9D7-C893-4BDD-97F5-4D991CD6029A}">
  <dimension ref="A1:P30"/>
  <sheetViews>
    <sheetView showGridLines="0" view="pageBreakPreview" zoomScaleNormal="100" zoomScaleSheetLayoutView="100" workbookViewId="0">
      <selection activeCell="R27" sqref="R27"/>
    </sheetView>
  </sheetViews>
  <sheetFormatPr defaultColWidth="8.88671875" defaultRowHeight="12"/>
  <cols>
    <col min="1" max="1" width="2.33203125" style="99" customWidth="1"/>
    <col min="2" max="2" width="2.33203125" style="94" customWidth="1"/>
    <col min="3" max="3" width="28.88671875" style="94" customWidth="1"/>
    <col min="4" max="16" width="8" style="66" customWidth="1"/>
    <col min="17" max="16384" width="8.88671875" style="66"/>
  </cols>
  <sheetData>
    <row r="1" spans="1:16" s="2" customFormat="1" ht="15" customHeight="1">
      <c r="A1" s="1" t="s">
        <v>157</v>
      </c>
      <c r="P1" s="128"/>
    </row>
    <row r="2" spans="1:16" s="11" customFormat="1" ht="35.1" customHeight="1">
      <c r="A2" s="5"/>
      <c r="B2" s="5"/>
      <c r="C2" s="5"/>
      <c r="D2" s="7" t="s">
        <v>2</v>
      </c>
      <c r="E2" s="7" t="s">
        <v>3</v>
      </c>
      <c r="F2" s="7" t="s">
        <v>4</v>
      </c>
      <c r="G2" s="7" t="s">
        <v>5</v>
      </c>
      <c r="H2" s="7" t="s">
        <v>6</v>
      </c>
      <c r="I2" s="7" t="s">
        <v>7</v>
      </c>
      <c r="J2" s="7" t="s">
        <v>8</v>
      </c>
      <c r="K2" s="7" t="s">
        <v>9</v>
      </c>
      <c r="L2" s="7" t="s">
        <v>10</v>
      </c>
      <c r="M2" s="7" t="s">
        <v>11</v>
      </c>
      <c r="N2" s="7" t="s">
        <v>12</v>
      </c>
      <c r="O2" s="74" t="s">
        <v>13</v>
      </c>
      <c r="P2" s="129" t="s">
        <v>14</v>
      </c>
    </row>
    <row r="3" spans="1:16" s="48" customFormat="1" ht="15.6" customHeight="1">
      <c r="A3" s="12" t="s">
        <v>158</v>
      </c>
      <c r="B3" s="13"/>
      <c r="C3" s="13"/>
      <c r="D3" s="42"/>
      <c r="E3" s="42"/>
      <c r="F3" s="42"/>
      <c r="G3" s="42"/>
      <c r="H3" s="42"/>
      <c r="I3" s="42"/>
      <c r="J3" s="42"/>
      <c r="K3" s="42"/>
      <c r="L3" s="42"/>
      <c r="M3" s="42"/>
      <c r="N3" s="42"/>
      <c r="O3" s="130"/>
      <c r="P3" s="76" t="s">
        <v>15</v>
      </c>
    </row>
    <row r="4" spans="1:16" s="48" customFormat="1" ht="10.35" customHeight="1">
      <c r="A4" s="13"/>
      <c r="B4" s="13" t="s">
        <v>159</v>
      </c>
      <c r="C4" s="13"/>
      <c r="D4" s="42">
        <v>9.4260000000000002</v>
      </c>
      <c r="E4" s="42">
        <v>9.0609999999999999</v>
      </c>
      <c r="F4" s="42">
        <v>9.4540000000000006</v>
      </c>
      <c r="G4" s="42">
        <v>9.6999999999999993</v>
      </c>
      <c r="H4" s="42">
        <v>10.266</v>
      </c>
      <c r="I4" s="42">
        <v>10.032999999999999</v>
      </c>
      <c r="J4" s="42">
        <v>11</v>
      </c>
      <c r="K4" s="42">
        <v>10.766</v>
      </c>
      <c r="L4" s="42">
        <v>11.114000000000001</v>
      </c>
      <c r="M4" s="42">
        <v>11.439</v>
      </c>
      <c r="N4" s="42">
        <v>12.404999999999999</v>
      </c>
      <c r="O4" s="130">
        <v>11.345000000000001</v>
      </c>
      <c r="P4" s="21">
        <v>1.6988628339359435</v>
      </c>
    </row>
    <row r="5" spans="1:16" s="48" customFormat="1" ht="10.35" customHeight="1">
      <c r="A5" s="13"/>
      <c r="B5" s="13" t="s">
        <v>160</v>
      </c>
      <c r="C5" s="13"/>
      <c r="D5" s="42">
        <v>0.79400000000000004</v>
      </c>
      <c r="E5" s="42">
        <v>1.032</v>
      </c>
      <c r="F5" s="42">
        <v>1.0249999999999999</v>
      </c>
      <c r="G5" s="42">
        <v>0.75</v>
      </c>
      <c r="H5" s="42">
        <v>0.83199999999999996</v>
      </c>
      <c r="I5" s="42">
        <v>0.92600000000000005</v>
      </c>
      <c r="J5" s="42">
        <v>0.98699999999999999</v>
      </c>
      <c r="K5" s="42">
        <v>0.68100000000000005</v>
      </c>
      <c r="L5" s="42">
        <v>0.74399999999999999</v>
      </c>
      <c r="M5" s="42">
        <v>1.2310000000000001</v>
      </c>
      <c r="N5" s="42">
        <v>1.548</v>
      </c>
      <c r="O5" s="130">
        <v>0.77</v>
      </c>
      <c r="P5" s="21">
        <v>-0.27863786752664321</v>
      </c>
    </row>
    <row r="6" spans="1:16" s="48" customFormat="1" ht="10.35" customHeight="1">
      <c r="A6" s="13"/>
      <c r="B6" s="13" t="s">
        <v>161</v>
      </c>
      <c r="C6" s="13"/>
      <c r="D6" s="42">
        <v>3.9020000000000001</v>
      </c>
      <c r="E6" s="42">
        <v>4.1639999999999997</v>
      </c>
      <c r="F6" s="42">
        <v>3.8809999999999998</v>
      </c>
      <c r="G6" s="42">
        <v>4.1280000000000001</v>
      </c>
      <c r="H6" s="42">
        <v>4.1539999999999999</v>
      </c>
      <c r="I6" s="42">
        <v>3.859</v>
      </c>
      <c r="J6" s="42">
        <v>3.4449999999999998</v>
      </c>
      <c r="K6" s="42">
        <v>3.4529999999999998</v>
      </c>
      <c r="L6" s="42">
        <v>2.8420000000000001</v>
      </c>
      <c r="M6" s="42">
        <v>2.758</v>
      </c>
      <c r="N6" s="42">
        <v>2.706</v>
      </c>
      <c r="O6" s="130">
        <v>2.9340000000000002</v>
      </c>
      <c r="P6" s="21">
        <v>-2.5587187458286587</v>
      </c>
    </row>
    <row r="7" spans="1:16" s="48" customFormat="1" ht="10.35" customHeight="1">
      <c r="A7" s="13"/>
      <c r="B7" s="13" t="s">
        <v>162</v>
      </c>
      <c r="C7" s="13"/>
      <c r="D7" s="42">
        <v>3.1549999999999998</v>
      </c>
      <c r="E7" s="42">
        <v>3.2530000000000001</v>
      </c>
      <c r="F7" s="42">
        <v>2.9849999999999999</v>
      </c>
      <c r="G7" s="42">
        <v>3.0489999999999999</v>
      </c>
      <c r="H7" s="42">
        <v>3.0950000000000002</v>
      </c>
      <c r="I7" s="42">
        <v>3.2080000000000002</v>
      </c>
      <c r="J7" s="42">
        <v>3.044</v>
      </c>
      <c r="K7" s="42">
        <v>3.0859999999999999</v>
      </c>
      <c r="L7" s="42">
        <v>4.194</v>
      </c>
      <c r="M7" s="42">
        <v>3.3660000000000001</v>
      </c>
      <c r="N7" s="42">
        <v>3.17</v>
      </c>
      <c r="O7" s="130">
        <v>3.3660000000000001</v>
      </c>
      <c r="P7" s="21">
        <v>0.59024969245025094</v>
      </c>
    </row>
    <row r="8" spans="1:16" s="48" customFormat="1" ht="10.35" customHeight="1">
      <c r="A8" s="13"/>
      <c r="B8" s="13" t="s">
        <v>163</v>
      </c>
      <c r="C8" s="13"/>
      <c r="D8" s="131">
        <v>1.2430000000000001</v>
      </c>
      <c r="E8" s="131">
        <v>1.169</v>
      </c>
      <c r="F8" s="131">
        <v>1.3819999999999999</v>
      </c>
      <c r="G8" s="131">
        <v>1.081</v>
      </c>
      <c r="H8" s="131">
        <v>0.95699999999999996</v>
      </c>
      <c r="I8" s="131">
        <v>0.374</v>
      </c>
      <c r="J8" s="131">
        <v>0.67400000000000004</v>
      </c>
      <c r="K8" s="131">
        <v>0.94499999999999995</v>
      </c>
      <c r="L8" s="131">
        <v>1.2889999999999999</v>
      </c>
      <c r="M8" s="131">
        <v>1.544</v>
      </c>
      <c r="N8" s="131">
        <v>0.86699999999999999</v>
      </c>
      <c r="O8" s="132">
        <v>1.097</v>
      </c>
      <c r="P8" s="21">
        <v>-1.1294696991396402</v>
      </c>
    </row>
    <row r="9" spans="1:16" s="48" customFormat="1" ht="13.35" customHeight="1">
      <c r="A9" s="13"/>
      <c r="B9" s="13"/>
      <c r="C9" s="12" t="s">
        <v>164</v>
      </c>
      <c r="D9" s="133">
        <v>18.52</v>
      </c>
      <c r="E9" s="133">
        <v>18.678999999999998</v>
      </c>
      <c r="F9" s="133">
        <v>18.727</v>
      </c>
      <c r="G9" s="133">
        <v>18.709</v>
      </c>
      <c r="H9" s="133">
        <v>19.303000000000001</v>
      </c>
      <c r="I9" s="133">
        <v>18.399999999999999</v>
      </c>
      <c r="J9" s="133">
        <v>19.149999999999999</v>
      </c>
      <c r="K9" s="133">
        <v>18.93</v>
      </c>
      <c r="L9" s="133">
        <v>20.184000000000001</v>
      </c>
      <c r="M9" s="133">
        <v>20.338000000000001</v>
      </c>
      <c r="N9" s="133">
        <v>20.695</v>
      </c>
      <c r="O9" s="134">
        <v>19.513000000000002</v>
      </c>
      <c r="P9" s="21">
        <v>0.47594431485147304</v>
      </c>
    </row>
    <row r="10" spans="1:16" s="48" customFormat="1" ht="15.6" customHeight="1">
      <c r="A10" s="12" t="s">
        <v>165</v>
      </c>
      <c r="B10" s="13"/>
      <c r="C10" s="13"/>
      <c r="D10" s="89"/>
      <c r="E10" s="89"/>
      <c r="F10" s="89"/>
      <c r="G10" s="89"/>
      <c r="H10" s="89"/>
      <c r="I10" s="89"/>
      <c r="J10" s="89"/>
      <c r="K10" s="89"/>
      <c r="L10" s="89"/>
      <c r="M10" s="89"/>
      <c r="N10" s="89"/>
      <c r="O10" s="135"/>
      <c r="P10" s="21"/>
    </row>
    <row r="11" spans="1:16" s="48" customFormat="1" ht="10.35" customHeight="1">
      <c r="A11" s="13"/>
      <c r="B11" s="13" t="s">
        <v>159</v>
      </c>
      <c r="C11" s="13"/>
      <c r="D11" s="89">
        <v>4.4924298833457499</v>
      </c>
      <c r="E11" s="89">
        <v>-0.57007125890736754</v>
      </c>
      <c r="F11" s="89">
        <v>10.15766841853798</v>
      </c>
      <c r="G11" s="89">
        <v>5.5083275503122753</v>
      </c>
      <c r="H11" s="89">
        <v>11.37466085669654</v>
      </c>
      <c r="I11" s="89">
        <v>4.5325360794301162</v>
      </c>
      <c r="J11" s="89">
        <v>15.511457928745465</v>
      </c>
      <c r="K11" s="89">
        <v>1.6873509812312726</v>
      </c>
      <c r="L11" s="89">
        <v>2.7054650393795399</v>
      </c>
      <c r="M11" s="89">
        <v>19.174032664051978</v>
      </c>
      <c r="N11" s="89">
        <v>20.404253751504275</v>
      </c>
      <c r="O11" s="135">
        <v>-5.5665476797552298</v>
      </c>
      <c r="P11" s="116" t="s">
        <v>166</v>
      </c>
    </row>
    <row r="12" spans="1:16" s="48" customFormat="1" ht="10.35" customHeight="1">
      <c r="A12" s="13"/>
      <c r="B12" s="13" t="s">
        <v>160</v>
      </c>
      <c r="C12" s="13"/>
      <c r="D12" s="89">
        <v>-20.979955456570153</v>
      </c>
      <c r="E12" s="89">
        <v>34.329199549041725</v>
      </c>
      <c r="F12" s="89">
        <v>4.9097775912715136</v>
      </c>
      <c r="G12" s="89">
        <v>-24.72</v>
      </c>
      <c r="H12" s="89">
        <v>16.631243358129645</v>
      </c>
      <c r="I12" s="89">
        <v>19.134396355353079</v>
      </c>
      <c r="J12" s="89">
        <v>12.237093690248567</v>
      </c>
      <c r="K12" s="89">
        <v>-28.347529812606474</v>
      </c>
      <c r="L12" s="89">
        <v>8.7018544935806084</v>
      </c>
      <c r="M12" s="89">
        <v>91.732283464566919</v>
      </c>
      <c r="N12" s="89">
        <v>39.561943874058869</v>
      </c>
      <c r="O12" s="135">
        <v>-48.618603890796145</v>
      </c>
      <c r="P12" s="116" t="s">
        <v>166</v>
      </c>
    </row>
    <row r="13" spans="1:16" s="48" customFormat="1" ht="10.35" customHeight="1">
      <c r="A13" s="13"/>
      <c r="B13" s="13" t="s">
        <v>161</v>
      </c>
      <c r="C13" s="13"/>
      <c r="D13" s="89">
        <v>3.2586799383813148</v>
      </c>
      <c r="E13" s="89">
        <v>10.374110626577915</v>
      </c>
      <c r="F13" s="89">
        <v>-1.6011644832605532</v>
      </c>
      <c r="G13" s="89">
        <v>9.3934911242603558</v>
      </c>
      <c r="H13" s="89">
        <v>5.8920119772046808</v>
      </c>
      <c r="I13" s="89">
        <v>-0.63851135638055556</v>
      </c>
      <c r="J13" s="89">
        <v>-5.9579546497750879</v>
      </c>
      <c r="K13" s="89">
        <v>4.1585318235064506</v>
      </c>
      <c r="L13" s="89">
        <v>-18.116213683223993</v>
      </c>
      <c r="M13" s="89">
        <v>12.361222387547222</v>
      </c>
      <c r="N13" s="89">
        <v>8.9436691453600901</v>
      </c>
      <c r="O13" s="135">
        <v>11.94950911640953</v>
      </c>
      <c r="P13" s="116" t="s">
        <v>166</v>
      </c>
    </row>
    <row r="14" spans="1:16" s="48" customFormat="1" ht="10.35" customHeight="1">
      <c r="A14" s="13"/>
      <c r="B14" s="13" t="s">
        <v>162</v>
      </c>
      <c r="C14" s="13"/>
      <c r="D14" s="89">
        <v>-8.7648886587260435</v>
      </c>
      <c r="E14" s="89">
        <v>6.6269334468568086</v>
      </c>
      <c r="F14" s="89">
        <v>-3.1274953420282192</v>
      </c>
      <c r="G14" s="89">
        <v>5.0556395109218277</v>
      </c>
      <c r="H14" s="89">
        <v>6.800052308094684</v>
      </c>
      <c r="I14" s="89">
        <v>10.873025590792217</v>
      </c>
      <c r="J14" s="89">
        <v>-3.3130866924346858E-2</v>
      </c>
      <c r="K14" s="89">
        <v>5.3358373840035389</v>
      </c>
      <c r="L14" s="89">
        <v>35.228106974305184</v>
      </c>
      <c r="M14" s="89">
        <v>-7.0885683263533394</v>
      </c>
      <c r="N14" s="89">
        <v>4.5659432387312293</v>
      </c>
      <c r="O14" s="135">
        <v>9.6351879939331031</v>
      </c>
      <c r="P14" s="116" t="s">
        <v>166</v>
      </c>
    </row>
    <row r="15" spans="1:16" s="48" customFormat="1" ht="10.35" customHeight="1">
      <c r="A15" s="13"/>
      <c r="B15" s="13" t="s">
        <v>163</v>
      </c>
      <c r="C15" s="13"/>
      <c r="D15" s="89">
        <v>3.1586770717205503</v>
      </c>
      <c r="E15" s="89">
        <v>-2.7017291066282367</v>
      </c>
      <c r="F15" s="89">
        <v>24.80562754535358</v>
      </c>
      <c r="G15" s="89">
        <v>-19.60842479976268</v>
      </c>
      <c r="H15" s="89">
        <v>-6.8265682656826527</v>
      </c>
      <c r="I15" s="89">
        <v>-58.178217821782184</v>
      </c>
      <c r="J15" s="89">
        <v>89.867424242424249</v>
      </c>
      <c r="K15" s="89">
        <v>45.586034912718198</v>
      </c>
      <c r="L15" s="89">
        <v>35.799931483384718</v>
      </c>
      <c r="M15" s="89">
        <v>38.597376387487394</v>
      </c>
      <c r="N15" s="89">
        <v>-37.641062977793958</v>
      </c>
      <c r="O15" s="135">
        <v>30.677174547577344</v>
      </c>
      <c r="P15" s="116" t="s">
        <v>166</v>
      </c>
    </row>
    <row r="16" spans="1:16" s="48" customFormat="1" ht="13.35" customHeight="1">
      <c r="A16" s="13"/>
      <c r="B16" s="13"/>
      <c r="C16" s="12" t="s">
        <v>164</v>
      </c>
      <c r="D16" s="136">
        <v>0.28367762583647593</v>
      </c>
      <c r="E16" s="136">
        <v>4.3156596794081459</v>
      </c>
      <c r="F16" s="136">
        <v>5.8499049738098607</v>
      </c>
      <c r="G16" s="136">
        <v>2.7326472520253997</v>
      </c>
      <c r="H16" s="136">
        <v>8.5787970501726374</v>
      </c>
      <c r="I16" s="136">
        <v>1.9570892958796993</v>
      </c>
      <c r="J16" s="136">
        <v>9.6457450904890329</v>
      </c>
      <c r="K16" s="136">
        <v>2.7093942054433606</v>
      </c>
      <c r="L16" s="136">
        <v>6.0759407108542884</v>
      </c>
      <c r="M16" s="136">
        <v>16.671233097490614</v>
      </c>
      <c r="N16" s="136">
        <v>12.98365818955396</v>
      </c>
      <c r="O16" s="137">
        <v>-2.6494681501405992</v>
      </c>
      <c r="P16" s="116" t="s">
        <v>166</v>
      </c>
    </row>
    <row r="17" spans="1:16" s="48" customFormat="1" ht="15.6" customHeight="1">
      <c r="A17" s="12" t="s">
        <v>167</v>
      </c>
      <c r="B17" s="13"/>
      <c r="C17" s="13"/>
      <c r="D17" s="14"/>
      <c r="E17" s="14"/>
      <c r="F17" s="14"/>
      <c r="G17" s="14"/>
      <c r="H17" s="14"/>
      <c r="I17" s="14"/>
      <c r="J17" s="14"/>
      <c r="K17" s="14"/>
      <c r="L17" s="14"/>
      <c r="M17" s="14"/>
      <c r="N17" s="14"/>
      <c r="O17" s="20"/>
      <c r="P17" s="21"/>
    </row>
    <row r="18" spans="1:16" s="48" customFormat="1" ht="10.35" customHeight="1">
      <c r="A18" s="13"/>
      <c r="B18" s="13" t="s">
        <v>159</v>
      </c>
      <c r="C18" s="13"/>
      <c r="D18" s="14">
        <v>4605</v>
      </c>
      <c r="E18" s="14">
        <v>4516</v>
      </c>
      <c r="F18" s="14">
        <v>4892</v>
      </c>
      <c r="G18" s="14">
        <v>5105</v>
      </c>
      <c r="H18" s="14">
        <v>5573</v>
      </c>
      <c r="I18" s="14">
        <v>5740</v>
      </c>
      <c r="J18" s="14">
        <v>6515</v>
      </c>
      <c r="K18" s="14">
        <v>6509</v>
      </c>
      <c r="L18" s="14">
        <v>6601</v>
      </c>
      <c r="M18" s="14">
        <v>7790</v>
      </c>
      <c r="N18" s="14">
        <v>9153</v>
      </c>
      <c r="O18" s="20">
        <v>8388</v>
      </c>
      <c r="P18" s="21">
        <v>5.6027783265414355</v>
      </c>
    </row>
    <row r="19" spans="1:16" s="48" customFormat="1" ht="10.35" customHeight="1">
      <c r="A19" s="13"/>
      <c r="B19" s="13" t="s">
        <v>160</v>
      </c>
      <c r="C19" s="13"/>
      <c r="D19" s="14">
        <v>388</v>
      </c>
      <c r="E19" s="14">
        <v>514</v>
      </c>
      <c r="F19" s="14">
        <v>530</v>
      </c>
      <c r="G19" s="14">
        <v>395</v>
      </c>
      <c r="H19" s="14">
        <v>452</v>
      </c>
      <c r="I19" s="14">
        <v>530</v>
      </c>
      <c r="J19" s="14">
        <v>585</v>
      </c>
      <c r="K19" s="14">
        <v>411</v>
      </c>
      <c r="L19" s="14">
        <v>442</v>
      </c>
      <c r="M19" s="14">
        <v>839</v>
      </c>
      <c r="N19" s="14">
        <v>1142</v>
      </c>
      <c r="O19" s="20">
        <v>569</v>
      </c>
      <c r="P19" s="21">
        <v>3.5419674119829381</v>
      </c>
    </row>
    <row r="20" spans="1:16" s="48" customFormat="1" ht="10.35" customHeight="1">
      <c r="A20" s="13"/>
      <c r="B20" s="13" t="s">
        <v>161</v>
      </c>
      <c r="C20" s="13"/>
      <c r="D20" s="14">
        <v>1906</v>
      </c>
      <c r="E20" s="14">
        <v>2075</v>
      </c>
      <c r="F20" s="14">
        <v>2008</v>
      </c>
      <c r="G20" s="14">
        <v>2173</v>
      </c>
      <c r="H20" s="14">
        <v>2255</v>
      </c>
      <c r="I20" s="14">
        <v>2208</v>
      </c>
      <c r="J20" s="14">
        <v>2040</v>
      </c>
      <c r="K20" s="14">
        <v>2088</v>
      </c>
      <c r="L20" s="14">
        <v>1688</v>
      </c>
      <c r="M20" s="14">
        <v>1878</v>
      </c>
      <c r="N20" s="14">
        <v>1997</v>
      </c>
      <c r="O20" s="20">
        <v>2169</v>
      </c>
      <c r="P20" s="21">
        <v>1.1820169512375855</v>
      </c>
    </row>
    <row r="21" spans="1:16" s="48" customFormat="1" ht="10.35" customHeight="1">
      <c r="A21" s="13"/>
      <c r="B21" s="13" t="s">
        <v>162</v>
      </c>
      <c r="C21" s="13"/>
      <c r="D21" s="14">
        <v>1542</v>
      </c>
      <c r="E21" s="14">
        <v>1621</v>
      </c>
      <c r="F21" s="14">
        <v>1545</v>
      </c>
      <c r="G21" s="14">
        <v>1605</v>
      </c>
      <c r="H21" s="14">
        <v>1680</v>
      </c>
      <c r="I21" s="14">
        <v>1835</v>
      </c>
      <c r="J21" s="14">
        <v>1803</v>
      </c>
      <c r="K21" s="14">
        <v>1866</v>
      </c>
      <c r="L21" s="14">
        <v>2491</v>
      </c>
      <c r="M21" s="14">
        <v>2292</v>
      </c>
      <c r="N21" s="14">
        <v>2339</v>
      </c>
      <c r="O21" s="20">
        <v>2488</v>
      </c>
      <c r="P21" s="21">
        <v>4.4450394794197212</v>
      </c>
    </row>
    <row r="22" spans="1:16" s="48" customFormat="1" ht="10.35" customHeight="1">
      <c r="A22" s="13"/>
      <c r="B22" s="13" t="s">
        <v>163</v>
      </c>
      <c r="C22" s="13"/>
      <c r="D22" s="22">
        <v>607</v>
      </c>
      <c r="E22" s="22">
        <v>583</v>
      </c>
      <c r="F22" s="22">
        <v>715</v>
      </c>
      <c r="G22" s="22">
        <v>569</v>
      </c>
      <c r="H22" s="22">
        <v>519</v>
      </c>
      <c r="I22" s="22">
        <v>214</v>
      </c>
      <c r="J22" s="22">
        <v>399</v>
      </c>
      <c r="K22" s="22">
        <v>571</v>
      </c>
      <c r="L22" s="22">
        <v>766</v>
      </c>
      <c r="M22" s="22">
        <v>1051</v>
      </c>
      <c r="N22" s="22">
        <v>640</v>
      </c>
      <c r="O22" s="24">
        <v>811</v>
      </c>
      <c r="P22" s="21">
        <v>2.6689894942147241</v>
      </c>
    </row>
    <row r="23" spans="1:16" s="48" customFormat="1" ht="13.35" customHeight="1">
      <c r="A23" s="13"/>
      <c r="B23" s="13"/>
      <c r="C23" s="12" t="s">
        <v>164</v>
      </c>
      <c r="D23" s="39">
        <v>9049</v>
      </c>
      <c r="E23" s="39">
        <v>9309</v>
      </c>
      <c r="F23" s="39">
        <v>9691</v>
      </c>
      <c r="G23" s="39">
        <v>9845</v>
      </c>
      <c r="H23" s="39">
        <v>10479</v>
      </c>
      <c r="I23" s="39">
        <v>10527</v>
      </c>
      <c r="J23" s="39">
        <v>11342</v>
      </c>
      <c r="K23" s="39">
        <v>11444</v>
      </c>
      <c r="L23" s="39">
        <v>11987</v>
      </c>
      <c r="M23" s="39">
        <v>13850</v>
      </c>
      <c r="N23" s="39">
        <v>15270</v>
      </c>
      <c r="O23" s="41">
        <v>14427</v>
      </c>
      <c r="P23" s="21">
        <v>4.3316196427307663</v>
      </c>
    </row>
    <row r="24" spans="1:16" s="18" customFormat="1" ht="30" customHeight="1">
      <c r="A24" s="28" t="s">
        <v>168</v>
      </c>
      <c r="B24" s="29"/>
      <c r="C24" s="28"/>
      <c r="D24" s="138">
        <v>11614.460501489437</v>
      </c>
      <c r="E24" s="138">
        <v>11958.355769679416</v>
      </c>
      <c r="F24" s="138">
        <v>12323.440799533808</v>
      </c>
      <c r="G24" s="138">
        <v>12384.568861125836</v>
      </c>
      <c r="H24" s="138">
        <v>12945.094837437326</v>
      </c>
      <c r="I24" s="138">
        <v>12732.884466424357</v>
      </c>
      <c r="J24" s="138">
        <v>13356.482236318834</v>
      </c>
      <c r="K24" s="138">
        <v>13168.993148264695</v>
      </c>
      <c r="L24" s="138">
        <v>13689.319256648118</v>
      </c>
      <c r="M24" s="138">
        <v>15386.986642683018</v>
      </c>
      <c r="N24" s="138">
        <v>15868.117584858628</v>
      </c>
      <c r="O24" s="139">
        <v>14427.036138526943</v>
      </c>
      <c r="P24" s="33">
        <v>1.9909515076456108</v>
      </c>
    </row>
    <row r="25" spans="1:16" s="48" customFormat="1" ht="15" customHeight="1">
      <c r="A25" s="13"/>
      <c r="B25" s="13" t="s">
        <v>169</v>
      </c>
      <c r="C25" s="12"/>
      <c r="D25" s="51">
        <v>1.5118443221002087</v>
      </c>
      <c r="E25" s="51">
        <v>2.9609233088861764</v>
      </c>
      <c r="F25" s="51">
        <v>3.0529701313960711</v>
      </c>
      <c r="G25" s="51">
        <v>0.49603079680748952</v>
      </c>
      <c r="H25" s="51">
        <v>4.5260031463100425</v>
      </c>
      <c r="I25" s="51">
        <v>-1.6393110570287583</v>
      </c>
      <c r="J25" s="51">
        <v>4.8975373297296176</v>
      </c>
      <c r="K25" s="51">
        <v>-1.4037310478676845</v>
      </c>
      <c r="L25" s="51">
        <v>3.9511457142187512</v>
      </c>
      <c r="M25" s="51">
        <v>12.401401079242413</v>
      </c>
      <c r="N25" s="51">
        <v>3.1268691742473376</v>
      </c>
      <c r="O25" s="53">
        <v>-9.0816156272169763</v>
      </c>
      <c r="P25" s="116" t="s">
        <v>166</v>
      </c>
    </row>
    <row r="26" spans="1:16" ht="2.85" customHeight="1">
      <c r="A26" s="96"/>
      <c r="B26" s="54"/>
      <c r="C26" s="54"/>
      <c r="D26" s="58"/>
      <c r="E26" s="58"/>
      <c r="F26" s="58"/>
      <c r="G26" s="58"/>
      <c r="H26" s="58"/>
      <c r="I26" s="58"/>
      <c r="J26" s="58"/>
      <c r="K26" s="58"/>
      <c r="L26" s="58"/>
      <c r="M26" s="58"/>
      <c r="N26" s="58"/>
      <c r="O26" s="58"/>
      <c r="P26" s="140"/>
    </row>
    <row r="27" spans="1:16" ht="8.4" customHeight="1"/>
    <row r="28" spans="1:16" ht="22.35" customHeight="1">
      <c r="A28" s="122">
        <v>1</v>
      </c>
      <c r="B28" s="285" t="s">
        <v>510</v>
      </c>
      <c r="C28" s="285"/>
      <c r="D28" s="285"/>
      <c r="E28" s="285"/>
      <c r="F28" s="285"/>
      <c r="G28" s="285"/>
      <c r="H28" s="285"/>
      <c r="I28" s="285"/>
      <c r="J28" s="285"/>
      <c r="K28" s="285"/>
      <c r="L28" s="285"/>
      <c r="M28" s="285"/>
      <c r="N28" s="285"/>
      <c r="O28" s="285"/>
      <c r="P28" s="285"/>
    </row>
    <row r="29" spans="1:16" ht="12.6" customHeight="1">
      <c r="A29" s="122">
        <v>2</v>
      </c>
      <c r="B29" s="285" t="s">
        <v>511</v>
      </c>
      <c r="C29" s="285"/>
      <c r="D29" s="285"/>
      <c r="E29" s="285"/>
      <c r="F29" s="285"/>
      <c r="G29" s="285"/>
      <c r="H29" s="285"/>
      <c r="I29" s="285"/>
      <c r="J29" s="285"/>
      <c r="K29" s="285"/>
      <c r="L29" s="285"/>
      <c r="M29" s="285"/>
      <c r="N29" s="285"/>
      <c r="O29" s="285"/>
      <c r="P29" s="285"/>
    </row>
    <row r="30" spans="1:16" ht="12.6" customHeight="1">
      <c r="A30" s="122">
        <v>3</v>
      </c>
      <c r="B30" s="285" t="s">
        <v>512</v>
      </c>
      <c r="C30" s="285"/>
      <c r="D30" s="285"/>
      <c r="E30" s="285"/>
      <c r="F30" s="285"/>
      <c r="G30" s="285"/>
      <c r="H30" s="285"/>
      <c r="I30" s="285"/>
      <c r="J30" s="285"/>
      <c r="K30" s="285"/>
      <c r="L30" s="285"/>
      <c r="M30" s="285"/>
      <c r="N30" s="285"/>
      <c r="O30" s="285"/>
      <c r="P30" s="285"/>
    </row>
  </sheetData>
  <mergeCells count="3">
    <mergeCell ref="B29:P29"/>
    <mergeCell ref="B30:P30"/>
    <mergeCell ref="B28:P28"/>
  </mergeCells>
  <pageMargins left="0.74803149606299213" right="0.27559055118110237" top="0.59055118110236227" bottom="0.39370078740157483" header="0.51181102362204722" footer="0.27559055118110237"/>
  <pageSetup scale="86" fitToHeight="2" orientation="landscape"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F2D11A-233B-4E91-AA7F-0566085E01A3}">
  <sheetPr>
    <pageSetUpPr fitToPage="1"/>
  </sheetPr>
  <dimension ref="A1:P45"/>
  <sheetViews>
    <sheetView showGridLines="0" view="pageBreakPreview" topLeftCell="A17" zoomScaleNormal="100" zoomScaleSheetLayoutView="100" workbookViewId="0">
      <selection activeCell="H46" sqref="A46:XFD1048576"/>
    </sheetView>
  </sheetViews>
  <sheetFormatPr defaultColWidth="8.77734375" defaultRowHeight="12"/>
  <cols>
    <col min="1" max="1" width="2" style="99" customWidth="1"/>
    <col min="2" max="2" width="1.5546875" style="94" customWidth="1"/>
    <col min="3" max="3" width="25.77734375" style="94" customWidth="1"/>
    <col min="4" max="13" width="9" style="66" bestFit="1" customWidth="1"/>
    <col min="14" max="14" width="9" style="66" customWidth="1"/>
    <col min="15" max="15" width="9" style="66" bestFit="1" customWidth="1"/>
    <col min="16" max="16" width="8.21875" style="66" bestFit="1" customWidth="1"/>
    <col min="17" max="16384" width="8.77734375" style="66"/>
  </cols>
  <sheetData>
    <row r="1" spans="1:16" s="2" customFormat="1" ht="13.8">
      <c r="A1" s="1" t="s">
        <v>171</v>
      </c>
      <c r="D1" s="141"/>
      <c r="E1" s="141"/>
      <c r="F1" s="142"/>
      <c r="G1" s="141"/>
      <c r="H1" s="141"/>
      <c r="I1" s="141"/>
      <c r="J1" s="141"/>
      <c r="K1" s="141"/>
      <c r="L1" s="141"/>
      <c r="M1" s="141"/>
      <c r="N1" s="141"/>
      <c r="O1" s="141"/>
      <c r="P1" s="141"/>
    </row>
    <row r="2" spans="1:16" s="11" customFormat="1" ht="34.5" customHeight="1">
      <c r="A2" s="5" t="s">
        <v>1</v>
      </c>
      <c r="B2" s="5"/>
      <c r="C2" s="5"/>
      <c r="D2" s="7" t="s">
        <v>2</v>
      </c>
      <c r="E2" s="7" t="s">
        <v>3</v>
      </c>
      <c r="F2" s="7" t="s">
        <v>4</v>
      </c>
      <c r="G2" s="7" t="s">
        <v>5</v>
      </c>
      <c r="H2" s="7" t="s">
        <v>6</v>
      </c>
      <c r="I2" s="7" t="s">
        <v>172</v>
      </c>
      <c r="J2" s="7" t="s">
        <v>173</v>
      </c>
      <c r="K2" s="7" t="s">
        <v>174</v>
      </c>
      <c r="L2" s="7" t="s">
        <v>175</v>
      </c>
      <c r="M2" s="7" t="s">
        <v>176</v>
      </c>
      <c r="N2" s="7" t="s">
        <v>177</v>
      </c>
      <c r="O2" s="74" t="s">
        <v>178</v>
      </c>
      <c r="P2" s="7" t="s">
        <v>14</v>
      </c>
    </row>
    <row r="3" spans="1:16" s="48" customFormat="1" ht="12" customHeight="1">
      <c r="A3" s="12" t="s">
        <v>179</v>
      </c>
      <c r="B3" s="13"/>
      <c r="C3" s="13"/>
      <c r="D3" s="42"/>
      <c r="E3" s="42"/>
      <c r="F3" s="42"/>
      <c r="G3" s="42"/>
      <c r="H3" s="42"/>
      <c r="I3" s="42"/>
      <c r="J3" s="42"/>
      <c r="K3" s="42"/>
      <c r="L3" s="42"/>
      <c r="M3" s="42"/>
      <c r="N3" s="42"/>
      <c r="O3" s="130"/>
      <c r="P3" s="76" t="s">
        <v>15</v>
      </c>
    </row>
    <row r="4" spans="1:16" s="48" customFormat="1" ht="12" customHeight="1">
      <c r="B4" s="14" t="s">
        <v>180</v>
      </c>
      <c r="C4" s="13"/>
      <c r="D4" s="14"/>
      <c r="E4" s="14"/>
      <c r="F4" s="14"/>
      <c r="G4" s="14"/>
      <c r="H4" s="14"/>
      <c r="I4" s="14"/>
      <c r="J4" s="14"/>
      <c r="K4" s="14"/>
      <c r="L4" s="14"/>
      <c r="M4" s="14"/>
      <c r="N4" s="14"/>
      <c r="O4" s="20"/>
      <c r="P4" s="21"/>
    </row>
    <row r="5" spans="1:16" s="48" customFormat="1" ht="10.35" customHeight="1">
      <c r="B5" s="14"/>
      <c r="C5" s="13" t="s">
        <v>181</v>
      </c>
      <c r="D5" s="143">
        <v>3906</v>
      </c>
      <c r="E5" s="143">
        <v>4114</v>
      </c>
      <c r="F5" s="143">
        <v>4136</v>
      </c>
      <c r="G5" s="19">
        <v>4345</v>
      </c>
      <c r="H5" s="19">
        <v>4573</v>
      </c>
      <c r="I5" s="14">
        <v>4623</v>
      </c>
      <c r="J5" s="14">
        <v>4861</v>
      </c>
      <c r="K5" s="14">
        <v>5013</v>
      </c>
      <c r="L5" s="14">
        <v>5145</v>
      </c>
      <c r="M5" s="14">
        <v>5776</v>
      </c>
      <c r="N5" s="14">
        <v>6006</v>
      </c>
      <c r="O5" s="20">
        <v>7071.4157635467982</v>
      </c>
      <c r="P5" s="21">
        <v>5.5441124458734947</v>
      </c>
    </row>
    <row r="6" spans="1:16" s="48" customFormat="1" ht="10.35" customHeight="1">
      <c r="B6" s="14"/>
      <c r="C6" s="13" t="s">
        <v>182</v>
      </c>
      <c r="D6" s="143">
        <v>1122</v>
      </c>
      <c r="E6" s="143">
        <v>1130</v>
      </c>
      <c r="F6" s="143">
        <v>1120</v>
      </c>
      <c r="G6" s="19">
        <v>1335</v>
      </c>
      <c r="H6" s="19">
        <v>1284</v>
      </c>
      <c r="I6" s="14">
        <v>1400</v>
      </c>
      <c r="J6" s="14">
        <v>1494</v>
      </c>
      <c r="K6" s="14">
        <v>1517</v>
      </c>
      <c r="L6" s="14">
        <v>1501</v>
      </c>
      <c r="M6" s="14">
        <v>1579</v>
      </c>
      <c r="N6" s="14">
        <v>1711</v>
      </c>
      <c r="O6" s="20">
        <v>1905.5438423645321</v>
      </c>
      <c r="P6" s="21">
        <v>4.9328485570934388</v>
      </c>
    </row>
    <row r="7" spans="1:16" s="48" customFormat="1" ht="10.35" customHeight="1">
      <c r="B7" s="14"/>
      <c r="C7" s="13" t="s">
        <v>183</v>
      </c>
      <c r="D7" s="143">
        <v>11791</v>
      </c>
      <c r="E7" s="143">
        <v>11967</v>
      </c>
      <c r="F7" s="143">
        <v>12417</v>
      </c>
      <c r="G7" s="19">
        <v>12818</v>
      </c>
      <c r="H7" s="19">
        <v>13086</v>
      </c>
      <c r="I7" s="14">
        <v>14101</v>
      </c>
      <c r="J7" s="14">
        <v>15002</v>
      </c>
      <c r="K7" s="14">
        <v>16054</v>
      </c>
      <c r="L7" s="14">
        <v>18290</v>
      </c>
      <c r="M7" s="14">
        <v>19574</v>
      </c>
      <c r="N7" s="14">
        <v>21715</v>
      </c>
      <c r="O7" s="20">
        <v>25260.83842364532</v>
      </c>
      <c r="P7" s="21">
        <v>7.1720545604054831</v>
      </c>
    </row>
    <row r="8" spans="1:16" s="48" customFormat="1" ht="12.75" customHeight="1">
      <c r="B8" s="14"/>
      <c r="C8" s="144" t="s">
        <v>184</v>
      </c>
      <c r="D8" s="145">
        <v>690</v>
      </c>
      <c r="E8" s="145">
        <v>658</v>
      </c>
      <c r="F8" s="145">
        <v>704</v>
      </c>
      <c r="G8" s="23">
        <v>712</v>
      </c>
      <c r="H8" s="23">
        <v>753</v>
      </c>
      <c r="I8" s="22">
        <v>810</v>
      </c>
      <c r="J8" s="22">
        <v>800</v>
      </c>
      <c r="K8" s="22">
        <v>872</v>
      </c>
      <c r="L8" s="22">
        <v>677.1578777260155</v>
      </c>
      <c r="M8" s="22">
        <v>662</v>
      </c>
      <c r="N8" s="22">
        <v>890</v>
      </c>
      <c r="O8" s="24">
        <v>625.20197044334975</v>
      </c>
      <c r="P8" s="21">
        <v>-0.89251006487054418</v>
      </c>
    </row>
    <row r="9" spans="1:16" s="48" customFormat="1" ht="12" customHeight="1">
      <c r="B9" s="14"/>
      <c r="C9" s="13"/>
      <c r="D9" s="22">
        <v>17509</v>
      </c>
      <c r="E9" s="22">
        <v>17869</v>
      </c>
      <c r="F9" s="22">
        <v>18377</v>
      </c>
      <c r="G9" s="22">
        <v>19210</v>
      </c>
      <c r="H9" s="22">
        <v>19696</v>
      </c>
      <c r="I9" s="22">
        <v>20934</v>
      </c>
      <c r="J9" s="22">
        <v>22157</v>
      </c>
      <c r="K9" s="22">
        <v>23456</v>
      </c>
      <c r="L9" s="22">
        <v>25613.157877726015</v>
      </c>
      <c r="M9" s="22">
        <v>27591</v>
      </c>
      <c r="N9" s="22">
        <v>30322</v>
      </c>
      <c r="O9" s="24">
        <v>34863</v>
      </c>
      <c r="P9" s="21">
        <v>6.4611662383585955</v>
      </c>
    </row>
    <row r="10" spans="1:16" s="48" customFormat="1" ht="12" customHeight="1">
      <c r="B10" s="14" t="s">
        <v>185</v>
      </c>
      <c r="C10" s="13"/>
      <c r="D10" s="14"/>
      <c r="E10" s="14"/>
      <c r="F10" s="14"/>
      <c r="G10" s="14"/>
      <c r="H10" s="14"/>
      <c r="I10" s="15"/>
      <c r="J10" s="15"/>
      <c r="K10" s="14"/>
      <c r="L10" s="14"/>
      <c r="M10" s="14"/>
      <c r="N10" s="14"/>
      <c r="O10" s="20"/>
      <c r="P10" s="21"/>
    </row>
    <row r="11" spans="1:16" s="48" customFormat="1" ht="10.35" customHeight="1">
      <c r="B11" s="14"/>
      <c r="C11" s="13" t="s">
        <v>186</v>
      </c>
      <c r="D11" s="14">
        <v>6003</v>
      </c>
      <c r="E11" s="14">
        <v>6134</v>
      </c>
      <c r="F11" s="14">
        <v>6065</v>
      </c>
      <c r="G11" s="19">
        <v>6304</v>
      </c>
      <c r="H11" s="19">
        <v>6423</v>
      </c>
      <c r="I11" s="14">
        <v>6919</v>
      </c>
      <c r="J11" s="14">
        <v>7255</v>
      </c>
      <c r="K11" s="14">
        <v>7584</v>
      </c>
      <c r="L11" s="14">
        <v>7444</v>
      </c>
      <c r="M11" s="14">
        <v>8085</v>
      </c>
      <c r="N11" s="14">
        <v>8585</v>
      </c>
      <c r="O11" s="20">
        <v>9284.9562737642591</v>
      </c>
      <c r="P11" s="21">
        <v>4.0445243313648405</v>
      </c>
    </row>
    <row r="12" spans="1:16" s="48" customFormat="1" ht="10.35" customHeight="1">
      <c r="B12" s="14"/>
      <c r="C12" s="13" t="s">
        <v>187</v>
      </c>
      <c r="D12" s="14">
        <v>5108</v>
      </c>
      <c r="E12" s="14">
        <v>5289</v>
      </c>
      <c r="F12" s="14">
        <v>5354</v>
      </c>
      <c r="G12" s="19">
        <v>5507</v>
      </c>
      <c r="H12" s="19">
        <v>5677</v>
      </c>
      <c r="I12" s="14">
        <v>6002</v>
      </c>
      <c r="J12" s="14">
        <v>6398</v>
      </c>
      <c r="K12" s="14">
        <v>6846</v>
      </c>
      <c r="L12" s="14">
        <v>6872</v>
      </c>
      <c r="M12" s="14">
        <v>7357</v>
      </c>
      <c r="N12" s="14">
        <v>7517</v>
      </c>
      <c r="O12" s="20">
        <v>8402.8574144486684</v>
      </c>
      <c r="P12" s="21">
        <v>4.6290719623450549</v>
      </c>
    </row>
    <row r="13" spans="1:16" s="48" customFormat="1" ht="12.75" customHeight="1">
      <c r="B13" s="14"/>
      <c r="C13" s="144" t="s">
        <v>188</v>
      </c>
      <c r="D13" s="22">
        <v>423</v>
      </c>
      <c r="E13" s="22">
        <v>410</v>
      </c>
      <c r="F13" s="22">
        <v>414</v>
      </c>
      <c r="G13" s="23">
        <v>407</v>
      </c>
      <c r="H13" s="23">
        <v>374</v>
      </c>
      <c r="I13" s="22">
        <v>176</v>
      </c>
      <c r="J13" s="22">
        <v>442</v>
      </c>
      <c r="K13" s="22">
        <v>312</v>
      </c>
      <c r="L13" s="22">
        <v>630</v>
      </c>
      <c r="M13" s="22">
        <v>361</v>
      </c>
      <c r="N13" s="22">
        <v>891</v>
      </c>
      <c r="O13" s="24">
        <v>791.18631178707233</v>
      </c>
      <c r="P13" s="21">
        <v>5.8575095831106871</v>
      </c>
    </row>
    <row r="14" spans="1:16" s="48" customFormat="1" ht="12" customHeight="1">
      <c r="B14" s="14"/>
      <c r="C14" s="13"/>
      <c r="D14" s="22">
        <v>11534</v>
      </c>
      <c r="E14" s="22">
        <v>11833</v>
      </c>
      <c r="F14" s="22">
        <v>11833</v>
      </c>
      <c r="G14" s="22">
        <v>12218</v>
      </c>
      <c r="H14" s="22">
        <v>12474</v>
      </c>
      <c r="I14" s="22">
        <v>13097</v>
      </c>
      <c r="J14" s="22">
        <v>14095</v>
      </c>
      <c r="K14" s="22">
        <v>14742</v>
      </c>
      <c r="L14" s="22">
        <v>14946</v>
      </c>
      <c r="M14" s="22">
        <v>15803</v>
      </c>
      <c r="N14" s="22">
        <v>16993</v>
      </c>
      <c r="O14" s="24">
        <v>18478.999999999996</v>
      </c>
      <c r="P14" s="21">
        <v>4.3779964404144556</v>
      </c>
    </row>
    <row r="15" spans="1:16" s="48" customFormat="1" ht="12" customHeight="1">
      <c r="B15" s="14" t="s">
        <v>189</v>
      </c>
      <c r="C15" s="13"/>
      <c r="D15" s="14"/>
      <c r="E15" s="14"/>
      <c r="F15" s="14"/>
      <c r="G15" s="14"/>
      <c r="H15" s="14"/>
      <c r="I15" s="15"/>
      <c r="J15" s="15"/>
      <c r="K15" s="14"/>
      <c r="L15" s="14"/>
      <c r="M15" s="14"/>
      <c r="N15" s="14"/>
      <c r="O15" s="20"/>
      <c r="P15" s="21"/>
    </row>
    <row r="16" spans="1:16" s="48" customFormat="1" ht="10.35" customHeight="1">
      <c r="B16" s="14"/>
      <c r="C16" s="13" t="s">
        <v>190</v>
      </c>
      <c r="D16" s="14">
        <v>1552</v>
      </c>
      <c r="E16" s="14">
        <v>1572</v>
      </c>
      <c r="F16" s="14">
        <v>1589</v>
      </c>
      <c r="G16" s="19">
        <v>1641</v>
      </c>
      <c r="H16" s="19">
        <v>1692</v>
      </c>
      <c r="I16" s="14">
        <v>1988</v>
      </c>
      <c r="J16" s="14">
        <v>2202</v>
      </c>
      <c r="K16" s="14">
        <v>2342</v>
      </c>
      <c r="L16" s="14">
        <v>3141</v>
      </c>
      <c r="M16" s="14">
        <v>2910</v>
      </c>
      <c r="N16" s="14">
        <v>3157</v>
      </c>
      <c r="O16" s="20">
        <v>3008.688622754491</v>
      </c>
      <c r="P16" s="21">
        <v>6.202575260983556</v>
      </c>
    </row>
    <row r="17" spans="1:16" s="48" customFormat="1" ht="10.35" customHeight="1">
      <c r="B17" s="14"/>
      <c r="C17" s="13" t="s">
        <v>191</v>
      </c>
      <c r="D17" s="14">
        <v>1098</v>
      </c>
      <c r="E17" s="14">
        <v>1097</v>
      </c>
      <c r="F17" s="14">
        <v>1129</v>
      </c>
      <c r="G17" s="19">
        <v>1301</v>
      </c>
      <c r="H17" s="19">
        <v>1358</v>
      </c>
      <c r="I17" s="14">
        <v>1507</v>
      </c>
      <c r="J17" s="14">
        <v>1652</v>
      </c>
      <c r="K17" s="14">
        <v>1940</v>
      </c>
      <c r="L17" s="14">
        <v>2226</v>
      </c>
      <c r="M17" s="14">
        <v>2254</v>
      </c>
      <c r="N17" s="14">
        <v>3168</v>
      </c>
      <c r="O17" s="20">
        <v>3941.4800399201595</v>
      </c>
      <c r="P17" s="21">
        <v>12.320680632181524</v>
      </c>
    </row>
    <row r="18" spans="1:16" s="48" customFormat="1" ht="10.35" customHeight="1">
      <c r="B18" s="14"/>
      <c r="C18" s="13" t="s">
        <v>192</v>
      </c>
      <c r="D18" s="14">
        <v>534</v>
      </c>
      <c r="E18" s="14">
        <v>279</v>
      </c>
      <c r="F18" s="14">
        <v>248</v>
      </c>
      <c r="G18" s="19">
        <v>247</v>
      </c>
      <c r="H18" s="19">
        <v>244</v>
      </c>
      <c r="I18" s="14">
        <v>239</v>
      </c>
      <c r="J18" s="14">
        <v>414</v>
      </c>
      <c r="K18" s="14">
        <v>435</v>
      </c>
      <c r="L18" s="14">
        <v>1131</v>
      </c>
      <c r="M18" s="14">
        <v>754</v>
      </c>
      <c r="N18" s="14">
        <v>1746</v>
      </c>
      <c r="O18" s="20">
        <v>733</v>
      </c>
      <c r="P18" s="21">
        <v>2.9214039061758124</v>
      </c>
    </row>
    <row r="19" spans="1:16" s="48" customFormat="1" ht="14.1" customHeight="1">
      <c r="B19" s="14"/>
      <c r="C19" s="144" t="s">
        <v>193</v>
      </c>
      <c r="D19" s="22">
        <v>806</v>
      </c>
      <c r="E19" s="22">
        <v>857</v>
      </c>
      <c r="F19" s="22">
        <v>881</v>
      </c>
      <c r="G19" s="23">
        <v>917</v>
      </c>
      <c r="H19" s="23">
        <v>949</v>
      </c>
      <c r="I19" s="22">
        <v>1003</v>
      </c>
      <c r="J19" s="22">
        <v>1075</v>
      </c>
      <c r="K19" s="22">
        <v>1170</v>
      </c>
      <c r="L19" s="22">
        <v>1291</v>
      </c>
      <c r="M19" s="22">
        <v>1350</v>
      </c>
      <c r="N19" s="22">
        <v>1581</v>
      </c>
      <c r="O19" s="24">
        <v>1600.8313373253493</v>
      </c>
      <c r="P19" s="21">
        <v>6.4368141560060987</v>
      </c>
    </row>
    <row r="20" spans="1:16" s="48" customFormat="1" ht="11.1" customHeight="1">
      <c r="B20" s="14"/>
      <c r="C20" s="13"/>
      <c r="D20" s="22">
        <v>3990</v>
      </c>
      <c r="E20" s="22">
        <v>3805</v>
      </c>
      <c r="F20" s="22">
        <v>3847</v>
      </c>
      <c r="G20" s="22">
        <v>4106</v>
      </c>
      <c r="H20" s="22">
        <v>4243</v>
      </c>
      <c r="I20" s="22">
        <v>4737</v>
      </c>
      <c r="J20" s="22">
        <v>5343</v>
      </c>
      <c r="K20" s="22">
        <v>5887</v>
      </c>
      <c r="L20" s="22">
        <v>7789</v>
      </c>
      <c r="M20" s="22">
        <v>7268</v>
      </c>
      <c r="N20" s="22">
        <v>9652</v>
      </c>
      <c r="O20" s="24">
        <v>9284</v>
      </c>
      <c r="P20" s="21">
        <v>7.9796763617283384</v>
      </c>
    </row>
    <row r="21" spans="1:16" s="48" customFormat="1" ht="4.05" customHeight="1">
      <c r="B21" s="14"/>
      <c r="C21" s="13"/>
      <c r="D21" s="22"/>
      <c r="E21" s="22"/>
      <c r="F21" s="22"/>
      <c r="G21" s="22"/>
      <c r="H21" s="23"/>
      <c r="I21" s="22"/>
      <c r="J21" s="22"/>
      <c r="K21" s="22"/>
      <c r="L21" s="22"/>
      <c r="M21" s="22"/>
      <c r="N21" s="22"/>
      <c r="O21" s="24"/>
      <c r="P21" s="21"/>
    </row>
    <row r="22" spans="1:16" s="18" customFormat="1" ht="10.35" customHeight="1">
      <c r="B22" s="30" t="s">
        <v>194</v>
      </c>
      <c r="C22" s="29"/>
      <c r="D22" s="30">
        <v>1539</v>
      </c>
      <c r="E22" s="30">
        <v>1520</v>
      </c>
      <c r="F22" s="30">
        <v>1451</v>
      </c>
      <c r="G22" s="30">
        <v>1572</v>
      </c>
      <c r="H22" s="19">
        <v>1655</v>
      </c>
      <c r="I22" s="30">
        <v>1930</v>
      </c>
      <c r="J22" s="30">
        <v>2004</v>
      </c>
      <c r="K22" s="30">
        <v>2126</v>
      </c>
      <c r="L22" s="30">
        <v>2258</v>
      </c>
      <c r="M22" s="30">
        <v>2937</v>
      </c>
      <c r="N22" s="30">
        <v>3483</v>
      </c>
      <c r="O22" s="38">
        <v>3101</v>
      </c>
      <c r="P22" s="21">
        <v>6.5762134307792985</v>
      </c>
    </row>
    <row r="23" spans="1:16" s="48" customFormat="1" ht="10.35" customHeight="1">
      <c r="B23" s="30" t="s">
        <v>195</v>
      </c>
      <c r="C23" s="29"/>
      <c r="D23" s="30">
        <v>1555</v>
      </c>
      <c r="E23" s="30">
        <v>1580</v>
      </c>
      <c r="F23" s="30">
        <v>1608</v>
      </c>
      <c r="G23" s="30">
        <v>1670</v>
      </c>
      <c r="H23" s="30">
        <v>1784</v>
      </c>
      <c r="I23" s="30">
        <v>1931</v>
      </c>
      <c r="J23" s="30">
        <v>2021</v>
      </c>
      <c r="K23" s="30">
        <v>2126</v>
      </c>
      <c r="L23" s="30">
        <v>3362</v>
      </c>
      <c r="M23" s="30">
        <v>4453</v>
      </c>
      <c r="N23" s="30">
        <v>3320</v>
      </c>
      <c r="O23" s="38">
        <v>2379</v>
      </c>
      <c r="P23" s="21">
        <v>3.9411795005713346</v>
      </c>
    </row>
    <row r="24" spans="1:16" s="48" customFormat="1" ht="10.35" customHeight="1">
      <c r="B24" s="30" t="s">
        <v>196</v>
      </c>
      <c r="C24" s="29"/>
      <c r="D24" s="14"/>
      <c r="E24" s="14"/>
      <c r="F24" s="14"/>
      <c r="G24" s="30"/>
      <c r="H24" s="30"/>
      <c r="I24" s="30"/>
      <c r="J24" s="30"/>
      <c r="K24" s="30"/>
      <c r="L24" s="30"/>
      <c r="M24" s="30"/>
      <c r="N24" s="30"/>
      <c r="O24" s="38"/>
      <c r="P24" s="21"/>
    </row>
    <row r="25" spans="1:16" s="48" customFormat="1" ht="10.35" customHeight="1">
      <c r="B25" s="146" t="s">
        <v>197</v>
      </c>
      <c r="C25" s="29"/>
      <c r="D25" s="14">
        <v>2092</v>
      </c>
      <c r="E25" s="14">
        <v>1755</v>
      </c>
      <c r="F25" s="14">
        <v>2191</v>
      </c>
      <c r="G25" s="30">
        <v>2477</v>
      </c>
      <c r="H25" s="30">
        <v>2465</v>
      </c>
      <c r="I25" s="30">
        <v>3374</v>
      </c>
      <c r="J25" s="30">
        <v>3825</v>
      </c>
      <c r="K25" s="30">
        <v>3778</v>
      </c>
      <c r="L25" s="30">
        <v>4191</v>
      </c>
      <c r="M25" s="30">
        <v>5213</v>
      </c>
      <c r="N25" s="30">
        <v>6284</v>
      </c>
      <c r="O25" s="38">
        <v>6704</v>
      </c>
      <c r="P25" s="21">
        <v>11.167874542344801</v>
      </c>
    </row>
    <row r="26" spans="1:16" s="48" customFormat="1" ht="10.35" customHeight="1">
      <c r="B26" s="30" t="s">
        <v>198</v>
      </c>
      <c r="C26" s="29"/>
      <c r="D26" s="30">
        <v>1367</v>
      </c>
      <c r="E26" s="30">
        <v>1205</v>
      </c>
      <c r="F26" s="30">
        <v>1309</v>
      </c>
      <c r="G26" s="30">
        <v>1285</v>
      </c>
      <c r="H26" s="30">
        <v>2281</v>
      </c>
      <c r="I26" s="30">
        <v>1574</v>
      </c>
      <c r="J26" s="30">
        <v>1831</v>
      </c>
      <c r="K26" s="30">
        <v>2525</v>
      </c>
      <c r="L26" s="30">
        <v>2862</v>
      </c>
      <c r="M26" s="30">
        <v>3082</v>
      </c>
      <c r="N26" s="30">
        <v>5736</v>
      </c>
      <c r="O26" s="38">
        <v>4215</v>
      </c>
      <c r="P26" s="21">
        <v>10.778935519353849</v>
      </c>
    </row>
    <row r="27" spans="1:16" s="48" customFormat="1" ht="10.35" customHeight="1">
      <c r="B27" s="30" t="s">
        <v>199</v>
      </c>
      <c r="C27" s="29"/>
      <c r="D27" s="14">
        <v>1266</v>
      </c>
      <c r="E27" s="14">
        <v>1390</v>
      </c>
      <c r="F27" s="14">
        <v>1363</v>
      </c>
      <c r="G27" s="30">
        <v>1505</v>
      </c>
      <c r="H27" s="30">
        <v>1536</v>
      </c>
      <c r="I27" s="30">
        <v>1544</v>
      </c>
      <c r="J27" s="30">
        <v>1674</v>
      </c>
      <c r="K27" s="30">
        <v>1657</v>
      </c>
      <c r="L27" s="30">
        <v>3919</v>
      </c>
      <c r="M27" s="30">
        <v>2040</v>
      </c>
      <c r="N27" s="30">
        <v>2325</v>
      </c>
      <c r="O27" s="38">
        <v>2341</v>
      </c>
      <c r="P27" s="21">
        <v>5.7474227449495707</v>
      </c>
    </row>
    <row r="28" spans="1:16" s="48" customFormat="1" ht="11.25" customHeight="1">
      <c r="B28" s="147" t="s">
        <v>200</v>
      </c>
      <c r="C28" s="13"/>
      <c r="D28" s="22">
        <v>2390</v>
      </c>
      <c r="E28" s="22">
        <v>2482</v>
      </c>
      <c r="F28" s="22">
        <v>2498</v>
      </c>
      <c r="G28" s="22">
        <v>2826</v>
      </c>
      <c r="H28" s="22">
        <v>2587</v>
      </c>
      <c r="I28" s="22">
        <v>2623</v>
      </c>
      <c r="J28" s="22">
        <v>2684</v>
      </c>
      <c r="K28" s="22">
        <v>2727</v>
      </c>
      <c r="L28" s="22">
        <v>2722</v>
      </c>
      <c r="M28" s="22">
        <v>2742</v>
      </c>
      <c r="N28" s="22">
        <v>2719</v>
      </c>
      <c r="O28" s="24">
        <v>3292</v>
      </c>
      <c r="P28" s="21">
        <v>2.953708087389062</v>
      </c>
    </row>
    <row r="29" spans="1:16" s="48" customFormat="1" ht="13.5" customHeight="1">
      <c r="A29" s="12"/>
      <c r="B29" s="13"/>
      <c r="C29" s="12" t="s">
        <v>202</v>
      </c>
      <c r="D29" s="39">
        <v>43242</v>
      </c>
      <c r="E29" s="39">
        <v>43439</v>
      </c>
      <c r="F29" s="39">
        <v>44477</v>
      </c>
      <c r="G29" s="39">
        <v>46869</v>
      </c>
      <c r="H29" s="39">
        <v>48721</v>
      </c>
      <c r="I29" s="39">
        <v>51744</v>
      </c>
      <c r="J29" s="39">
        <v>55634</v>
      </c>
      <c r="K29" s="39">
        <v>59024</v>
      </c>
      <c r="L29" s="39">
        <v>67662.157877726015</v>
      </c>
      <c r="M29" s="39">
        <v>71129</v>
      </c>
      <c r="N29" s="39">
        <v>80834</v>
      </c>
      <c r="O29" s="41">
        <v>84658</v>
      </c>
      <c r="P29" s="21">
        <v>6.2976930519703656</v>
      </c>
    </row>
    <row r="30" spans="1:16" s="48" customFormat="1" ht="11.1" customHeight="1">
      <c r="A30" s="12" t="s">
        <v>203</v>
      </c>
      <c r="B30" s="13"/>
      <c r="C30" s="13"/>
      <c r="D30" s="14"/>
      <c r="E30" s="14"/>
      <c r="F30" s="14"/>
      <c r="G30" s="14"/>
      <c r="H30" s="14"/>
      <c r="I30" s="14"/>
      <c r="J30" s="14"/>
      <c r="K30" s="14"/>
      <c r="L30" s="14"/>
      <c r="M30" s="14"/>
      <c r="N30" s="14"/>
      <c r="O30" s="20"/>
      <c r="P30" s="21"/>
    </row>
    <row r="31" spans="1:16" s="48" customFormat="1" ht="10.35" customHeight="1">
      <c r="A31" s="12"/>
      <c r="B31" s="14" t="s">
        <v>204</v>
      </c>
      <c r="C31" s="13"/>
      <c r="D31" s="42">
        <v>40.490726608389991</v>
      </c>
      <c r="E31" s="42">
        <v>41.13584566863878</v>
      </c>
      <c r="F31" s="42">
        <v>41.31798457629786</v>
      </c>
      <c r="G31" s="42">
        <v>40.986579615524121</v>
      </c>
      <c r="H31" s="42">
        <v>40.426099628496956</v>
      </c>
      <c r="I31" s="42">
        <v>40.456864564007425</v>
      </c>
      <c r="J31" s="42">
        <v>39.826365172376605</v>
      </c>
      <c r="K31" s="42">
        <v>39.739766874491735</v>
      </c>
      <c r="L31" s="42">
        <v>37.854479787671266</v>
      </c>
      <c r="M31" s="42">
        <v>38.790085619086447</v>
      </c>
      <c r="N31" s="42">
        <v>37.511443204592126</v>
      </c>
      <c r="O31" s="130">
        <v>41.180987030168446</v>
      </c>
      <c r="P31" s="21">
        <v>0.15378808485364548</v>
      </c>
    </row>
    <row r="32" spans="1:16" s="48" customFormat="1" ht="10.35" customHeight="1">
      <c r="A32" s="12"/>
      <c r="B32" s="14" t="s">
        <v>205</v>
      </c>
      <c r="C32" s="13"/>
      <c r="D32" s="42">
        <v>26.67314185282827</v>
      </c>
      <c r="E32" s="42">
        <v>27.24049816984737</v>
      </c>
      <c r="F32" s="42">
        <v>26.604762011826338</v>
      </c>
      <c r="G32" s="42">
        <v>26.068403422304719</v>
      </c>
      <c r="H32" s="42">
        <v>25.602922764311074</v>
      </c>
      <c r="I32" s="42">
        <v>25.311147186147188</v>
      </c>
      <c r="J32" s="42">
        <v>25.335226659956138</v>
      </c>
      <c r="K32" s="42">
        <v>24.976280834914611</v>
      </c>
      <c r="L32" s="42">
        <v>22.089156581451768</v>
      </c>
      <c r="M32" s="42">
        <v>22.21737969042163</v>
      </c>
      <c r="N32" s="42">
        <v>21.022094663136798</v>
      </c>
      <c r="O32" s="130">
        <v>21.827824895461738</v>
      </c>
      <c r="P32" s="21">
        <v>-1.805962628574953</v>
      </c>
    </row>
    <row r="33" spans="1:16" s="48" customFormat="1" ht="10.35" customHeight="1">
      <c r="A33" s="12"/>
      <c r="B33" s="14" t="s">
        <v>206</v>
      </c>
      <c r="C33" s="13"/>
      <c r="D33" s="42">
        <v>9.2271402802830575</v>
      </c>
      <c r="E33" s="42">
        <v>8.7594097470015431</v>
      </c>
      <c r="F33" s="42">
        <v>8.6494143040223044</v>
      </c>
      <c r="G33" s="42">
        <v>8.760588021933474</v>
      </c>
      <c r="H33" s="42">
        <v>8.7087703454362586</v>
      </c>
      <c r="I33" s="42">
        <v>9.1546846011131713</v>
      </c>
      <c r="J33" s="42">
        <v>9.6038393787971383</v>
      </c>
      <c r="K33" s="42">
        <v>9.9739089184060727</v>
      </c>
      <c r="L33" s="42">
        <v>11.51160448366973</v>
      </c>
      <c r="M33" s="42">
        <v>10.218054520659646</v>
      </c>
      <c r="N33" s="42">
        <v>11.940520078184923</v>
      </c>
      <c r="O33" s="130">
        <v>10.966476883460512</v>
      </c>
      <c r="P33" s="21">
        <v>1.5823328441715301</v>
      </c>
    </row>
    <row r="34" spans="1:16" s="48" customFormat="1" ht="10.35" customHeight="1">
      <c r="A34" s="12"/>
      <c r="B34" s="14" t="s">
        <v>194</v>
      </c>
      <c r="C34" s="13"/>
      <c r="D34" s="42">
        <v>3.5590398223948938</v>
      </c>
      <c r="E34" s="42">
        <v>3.4991597412463453</v>
      </c>
      <c r="F34" s="42">
        <v>3.2623603210648202</v>
      </c>
      <c r="G34" s="42">
        <v>3.3540293157524168</v>
      </c>
      <c r="H34" s="42">
        <v>3.3968925104164529</v>
      </c>
      <c r="I34" s="42">
        <v>3.7299010513296227</v>
      </c>
      <c r="J34" s="42">
        <v>3.6021138152928067</v>
      </c>
      <c r="K34" s="42">
        <v>3.6019246408240715</v>
      </c>
      <c r="L34" s="42">
        <v>3.3371681761620557</v>
      </c>
      <c r="M34" s="42">
        <v>4.1291175188741587</v>
      </c>
      <c r="N34" s="42">
        <v>4.3088304426355242</v>
      </c>
      <c r="O34" s="130">
        <v>3.6629733752273852</v>
      </c>
      <c r="P34" s="21">
        <v>0.26201921303481424</v>
      </c>
    </row>
    <row r="35" spans="1:16" s="48" customFormat="1" ht="10.35" customHeight="1">
      <c r="A35" s="12"/>
      <c r="B35" s="14" t="s">
        <v>195</v>
      </c>
      <c r="C35" s="13"/>
      <c r="D35" s="42">
        <v>3.5960408861754778</v>
      </c>
      <c r="E35" s="42">
        <v>3.6372844678744909</v>
      </c>
      <c r="F35" s="42">
        <v>3.6153517548395797</v>
      </c>
      <c r="G35" s="42">
        <v>3.5631227463782027</v>
      </c>
      <c r="H35" s="42">
        <v>3.6616654009564669</v>
      </c>
      <c r="I35" s="42">
        <v>3.7318336425479286</v>
      </c>
      <c r="J35" s="42">
        <v>3.6326706690153503</v>
      </c>
      <c r="K35" s="42">
        <v>3.6019246408240715</v>
      </c>
      <c r="L35" s="42">
        <v>4.9688039894848677</v>
      </c>
      <c r="M35" s="42">
        <v>6.2604563539484595</v>
      </c>
      <c r="N35" s="42">
        <v>4.1071826211742577</v>
      </c>
      <c r="O35" s="130">
        <v>2.8101301708048854</v>
      </c>
      <c r="P35" s="21">
        <v>-2.2168999944776835</v>
      </c>
    </row>
    <row r="36" spans="1:16" s="48" customFormat="1" ht="10.35" customHeight="1">
      <c r="A36" s="12"/>
      <c r="B36" s="30" t="s">
        <v>196</v>
      </c>
      <c r="C36" s="13"/>
      <c r="D36" s="42"/>
      <c r="E36" s="42"/>
      <c r="F36" s="42"/>
      <c r="G36" s="42"/>
      <c r="H36" s="42"/>
      <c r="I36" s="42"/>
      <c r="J36" s="42"/>
      <c r="K36" s="42"/>
      <c r="L36" s="42"/>
      <c r="M36" s="42"/>
      <c r="N36" s="42"/>
      <c r="O36" s="130"/>
      <c r="P36" s="21"/>
    </row>
    <row r="37" spans="1:16" s="48" customFormat="1" ht="10.35" customHeight="1">
      <c r="A37" s="12"/>
      <c r="B37" s="146" t="s">
        <v>197</v>
      </c>
      <c r="C37" s="13"/>
      <c r="D37" s="42">
        <v>4.8378890893113171</v>
      </c>
      <c r="E37" s="42">
        <v>4.0401482538732481</v>
      </c>
      <c r="F37" s="42">
        <v>4.9261416012770649</v>
      </c>
      <c r="G37" s="42">
        <v>5.2849431393885089</v>
      </c>
      <c r="H37" s="42">
        <v>5.0594199626444452</v>
      </c>
      <c r="I37" s="42">
        <v>6.5205627705627709</v>
      </c>
      <c r="J37" s="42">
        <v>6.8752920875723476</v>
      </c>
      <c r="K37" s="42">
        <v>6.4007861208999737</v>
      </c>
      <c r="L37" s="42">
        <v>6.1940087804673052</v>
      </c>
      <c r="M37" s="42">
        <v>7.3289375641440193</v>
      </c>
      <c r="N37" s="42">
        <v>7.7739565034515179</v>
      </c>
      <c r="O37" s="130">
        <v>7.918920834416121</v>
      </c>
      <c r="P37" s="21">
        <v>4.5816436373584679</v>
      </c>
    </row>
    <row r="38" spans="1:16" s="48" customFormat="1" ht="10.35" customHeight="1">
      <c r="A38" s="12"/>
      <c r="B38" s="147" t="s">
        <v>198</v>
      </c>
      <c r="C38" s="13"/>
      <c r="D38" s="42">
        <v>3.1612783867536196</v>
      </c>
      <c r="E38" s="42">
        <v>2.7740049264485833</v>
      </c>
      <c r="F38" s="42">
        <v>2.9430941835105786</v>
      </c>
      <c r="G38" s="42">
        <v>2.7416842689197551</v>
      </c>
      <c r="H38" s="42">
        <v>4.6817594055951233</v>
      </c>
      <c r="I38" s="42">
        <v>3.0418985776128631</v>
      </c>
      <c r="J38" s="42">
        <v>3.2911528921163313</v>
      </c>
      <c r="K38" s="42">
        <v>4.2779208457576576</v>
      </c>
      <c r="L38" s="42">
        <v>4.2298384943205507</v>
      </c>
      <c r="M38" s="42">
        <v>4.3329724866088375</v>
      </c>
      <c r="N38" s="42">
        <v>7.0960239503179352</v>
      </c>
      <c r="O38" s="130">
        <v>4.9788561033806609</v>
      </c>
      <c r="P38" s="21">
        <v>4.215747622286159</v>
      </c>
    </row>
    <row r="39" spans="1:16" s="48" customFormat="1" ht="10.199999999999999">
      <c r="A39" s="12"/>
      <c r="B39" s="147" t="s">
        <v>207</v>
      </c>
      <c r="C39" s="13"/>
      <c r="D39" s="42">
        <v>2.9277091716386847</v>
      </c>
      <c r="E39" s="42">
        <v>3.1998895002186973</v>
      </c>
      <c r="F39" s="42">
        <v>3.0645052499044452</v>
      </c>
      <c r="G39" s="42">
        <v>3.2110776846102964</v>
      </c>
      <c r="H39" s="42">
        <v>3.1526446501508589</v>
      </c>
      <c r="I39" s="42">
        <v>2.9839208410636981</v>
      </c>
      <c r="J39" s="42">
        <v>3.0089513606787217</v>
      </c>
      <c r="K39" s="42">
        <v>2.8073326104635403</v>
      </c>
      <c r="L39" s="42">
        <v>5.7920115510979171</v>
      </c>
      <c r="M39" s="42">
        <v>2.8680285115775561</v>
      </c>
      <c r="N39" s="42">
        <v>2.8762649380211296</v>
      </c>
      <c r="O39" s="130">
        <v>2.7652436863615959</v>
      </c>
      <c r="P39" s="21">
        <v>-0.51766909631026925</v>
      </c>
    </row>
    <row r="40" spans="1:16" s="48" customFormat="1" ht="12.6" customHeight="1">
      <c r="A40" s="12"/>
      <c r="B40" s="147" t="s">
        <v>200</v>
      </c>
      <c r="C40" s="13"/>
      <c r="D40" s="131">
        <v>5.527033902224689</v>
      </c>
      <c r="E40" s="131">
        <v>5.713759524850941</v>
      </c>
      <c r="F40" s="131">
        <v>5.6163859972570087</v>
      </c>
      <c r="G40" s="131">
        <v>6.0295717851885042</v>
      </c>
      <c r="H40" s="131">
        <v>5.3098253319923652</v>
      </c>
      <c r="I40" s="131">
        <v>5.0691867656153367</v>
      </c>
      <c r="J40" s="131">
        <v>4.8243879641945568</v>
      </c>
      <c r="K40" s="131">
        <v>4.62015451341827</v>
      </c>
      <c r="L40" s="131">
        <v>4.022928155674542</v>
      </c>
      <c r="M40" s="131">
        <v>3.8549677346792448</v>
      </c>
      <c r="N40" s="131">
        <v>3.3636835984857858</v>
      </c>
      <c r="O40" s="132">
        <v>3.8885870207186564</v>
      </c>
      <c r="P40" s="21">
        <v>-3.1458678627638625</v>
      </c>
    </row>
    <row r="41" spans="1:16" s="48" customFormat="1" ht="13.35" customHeight="1">
      <c r="A41" s="12"/>
      <c r="B41" s="13"/>
      <c r="C41" s="13"/>
      <c r="D41" s="133">
        <v>99.999999999999986</v>
      </c>
      <c r="E41" s="133">
        <v>100</v>
      </c>
      <c r="F41" s="133">
        <v>100</v>
      </c>
      <c r="G41" s="133">
        <v>99.999999999999986</v>
      </c>
      <c r="H41" s="133">
        <v>100</v>
      </c>
      <c r="I41" s="133">
        <v>100.00000000000001</v>
      </c>
      <c r="J41" s="133">
        <v>100</v>
      </c>
      <c r="K41" s="133">
        <v>100.00000000000001</v>
      </c>
      <c r="L41" s="133">
        <v>100</v>
      </c>
      <c r="M41" s="133">
        <v>99.999999999999986</v>
      </c>
      <c r="N41" s="133">
        <v>100</v>
      </c>
      <c r="O41" s="134">
        <v>100.00000000000001</v>
      </c>
      <c r="P41" s="21"/>
    </row>
    <row r="42" spans="1:16" ht="2.25" customHeight="1">
      <c r="A42" s="109"/>
      <c r="B42" s="110"/>
      <c r="C42" s="110"/>
      <c r="D42" s="148"/>
      <c r="E42" s="148"/>
      <c r="F42" s="148"/>
      <c r="G42" s="148"/>
      <c r="H42" s="148"/>
      <c r="I42" s="148"/>
      <c r="J42" s="148"/>
      <c r="K42" s="148"/>
      <c r="L42" s="148"/>
      <c r="M42" s="148"/>
      <c r="N42" s="148"/>
      <c r="O42" s="149"/>
      <c r="P42" s="150"/>
    </row>
    <row r="43" spans="1:16" ht="3.75" customHeight="1">
      <c r="B43" s="99"/>
    </row>
    <row r="44" spans="1:16" s="152" customFormat="1" ht="11.1" customHeight="1">
      <c r="A44" s="122">
        <v>1</v>
      </c>
      <c r="B44" s="286" t="s">
        <v>28</v>
      </c>
      <c r="C44" s="286"/>
      <c r="D44" s="286"/>
      <c r="E44" s="286"/>
      <c r="F44" s="286"/>
      <c r="G44" s="286"/>
      <c r="H44" s="286"/>
      <c r="I44" s="286"/>
      <c r="J44" s="286"/>
      <c r="K44" s="286"/>
      <c r="L44" s="286"/>
      <c r="M44" s="286"/>
      <c r="N44" s="286"/>
      <c r="O44" s="286"/>
      <c r="P44" s="286"/>
    </row>
    <row r="45" spans="1:16" s="152" customFormat="1" ht="8.25" customHeight="1">
      <c r="A45" s="127"/>
      <c r="B45" s="68"/>
      <c r="C45" s="68"/>
      <c r="D45" s="68"/>
      <c r="E45" s="68"/>
      <c r="F45" s="68"/>
      <c r="G45" s="68"/>
      <c r="H45" s="68"/>
      <c r="I45" s="68"/>
      <c r="J45" s="68"/>
      <c r="K45" s="68"/>
      <c r="L45" s="68"/>
      <c r="M45" s="68"/>
      <c r="N45" s="68"/>
      <c r="O45" s="68"/>
      <c r="P45" s="68"/>
    </row>
  </sheetData>
  <mergeCells count="1">
    <mergeCell ref="B44:P44"/>
  </mergeCells>
  <pageMargins left="0.59055118110236227" right="0.23622047244094491" top="0.47244094488188981" bottom="0.43307086614173229" header="0.51181102362204722" footer="0.27559055118110237"/>
  <pageSetup scale="88" fitToHeight="0" pageOrder="overThenDown"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58EE40-F3A8-4CB1-85AB-A925F058107B}">
  <sheetPr>
    <pageSetUpPr fitToPage="1"/>
  </sheetPr>
  <dimension ref="A1:P47"/>
  <sheetViews>
    <sheetView showGridLines="0" view="pageBreakPreview" topLeftCell="A17" zoomScaleNormal="100" zoomScaleSheetLayoutView="100" workbookViewId="0">
      <selection activeCell="A44" sqref="A44:A47"/>
    </sheetView>
  </sheetViews>
  <sheetFormatPr defaultColWidth="8.77734375" defaultRowHeight="12"/>
  <cols>
    <col min="1" max="1" width="2" style="99" customWidth="1"/>
    <col min="2" max="2" width="1.5546875" style="94" customWidth="1"/>
    <col min="3" max="3" width="25.77734375" style="94" customWidth="1"/>
    <col min="4" max="13" width="9" style="66" bestFit="1" customWidth="1"/>
    <col min="14" max="14" width="9" style="66" customWidth="1"/>
    <col min="15" max="15" width="9" style="66" bestFit="1" customWidth="1"/>
    <col min="16" max="16" width="8.21875" style="66" bestFit="1" customWidth="1"/>
    <col min="17" max="16384" width="8.77734375" style="66"/>
  </cols>
  <sheetData>
    <row r="1" spans="1:16" s="2" customFormat="1" ht="17.850000000000001" customHeight="1">
      <c r="A1" s="1" t="s">
        <v>208</v>
      </c>
      <c r="P1" s="128"/>
    </row>
    <row r="2" spans="1:16" s="11" customFormat="1" ht="35.1" customHeight="1">
      <c r="A2" s="6"/>
      <c r="B2" s="6"/>
      <c r="C2" s="6"/>
      <c r="D2" s="7" t="s">
        <v>2</v>
      </c>
      <c r="E2" s="7" t="s">
        <v>3</v>
      </c>
      <c r="F2" s="7" t="s">
        <v>4</v>
      </c>
      <c r="G2" s="7" t="s">
        <v>5</v>
      </c>
      <c r="H2" s="7" t="s">
        <v>6</v>
      </c>
      <c r="I2" s="7" t="s">
        <v>172</v>
      </c>
      <c r="J2" s="7" t="s">
        <v>173</v>
      </c>
      <c r="K2" s="7" t="s">
        <v>174</v>
      </c>
      <c r="L2" s="7" t="s">
        <v>175</v>
      </c>
      <c r="M2" s="7" t="s">
        <v>176</v>
      </c>
      <c r="N2" s="7" t="s">
        <v>177</v>
      </c>
      <c r="O2" s="74" t="s">
        <v>178</v>
      </c>
      <c r="P2" s="129" t="s">
        <v>14</v>
      </c>
    </row>
    <row r="3" spans="1:16" s="48" customFormat="1" ht="15.6" customHeight="1">
      <c r="A3" s="12" t="s">
        <v>209</v>
      </c>
      <c r="B3" s="13"/>
      <c r="C3" s="13"/>
      <c r="D3" s="42"/>
      <c r="E3" s="42"/>
      <c r="F3" s="42"/>
      <c r="G3" s="42"/>
      <c r="H3" s="42"/>
      <c r="I3" s="42"/>
      <c r="J3" s="42"/>
      <c r="K3" s="42"/>
      <c r="L3" s="42"/>
      <c r="M3" s="42"/>
      <c r="N3" s="42"/>
      <c r="O3" s="130"/>
      <c r="P3" s="76" t="s">
        <v>15</v>
      </c>
    </row>
    <row r="4" spans="1:16" s="48" customFormat="1" ht="10.35" customHeight="1">
      <c r="A4" s="12"/>
      <c r="B4" s="14" t="s">
        <v>204</v>
      </c>
      <c r="C4" s="13"/>
      <c r="D4" s="42">
        <v>7.84</v>
      </c>
      <c r="E4" s="42">
        <v>7.7359999999999998</v>
      </c>
      <c r="F4" s="42">
        <v>7.5359999999999996</v>
      </c>
      <c r="G4" s="42">
        <v>7.66</v>
      </c>
      <c r="H4" s="42">
        <v>7.4630000000000001</v>
      </c>
      <c r="I4" s="42">
        <v>7.4160000000000004</v>
      </c>
      <c r="J4" s="42">
        <v>7.45</v>
      </c>
      <c r="K4" s="42">
        <v>7.5910000000000002</v>
      </c>
      <c r="L4" s="42">
        <v>8.3320000000000007</v>
      </c>
      <c r="M4" s="42">
        <v>7.7519999999999998</v>
      </c>
      <c r="N4" s="42">
        <v>7.6719999999999997</v>
      </c>
      <c r="O4" s="130">
        <v>8.5440000000000005</v>
      </c>
      <c r="P4" s="21">
        <v>0.78479484118234577</v>
      </c>
    </row>
    <row r="5" spans="1:16" s="48" customFormat="1" ht="10.35" customHeight="1">
      <c r="A5" s="12"/>
      <c r="B5" s="14" t="s">
        <v>205</v>
      </c>
      <c r="C5" s="13"/>
      <c r="D5" s="42">
        <v>5.165</v>
      </c>
      <c r="E5" s="42">
        <v>5.1230000000000002</v>
      </c>
      <c r="F5" s="42">
        <v>4.8520000000000003</v>
      </c>
      <c r="G5" s="42">
        <v>4.8719999999999999</v>
      </c>
      <c r="H5" s="42">
        <v>4.7270000000000003</v>
      </c>
      <c r="I5" s="42">
        <v>4.6399999999999997</v>
      </c>
      <c r="J5" s="42">
        <v>4.74</v>
      </c>
      <c r="K5" s="42">
        <v>4.7709999999999999</v>
      </c>
      <c r="L5" s="42">
        <v>4.8620000000000001</v>
      </c>
      <c r="M5" s="42">
        <v>4.4400000000000004</v>
      </c>
      <c r="N5" s="42">
        <v>4.3</v>
      </c>
      <c r="O5" s="130">
        <v>4.5289999999999999</v>
      </c>
      <c r="P5" s="21">
        <v>-1.1874744596164888</v>
      </c>
    </row>
    <row r="6" spans="1:16" s="48" customFormat="1" ht="10.35" customHeight="1">
      <c r="A6" s="12"/>
      <c r="B6" s="14" t="s">
        <v>206</v>
      </c>
      <c r="C6" s="13"/>
      <c r="D6" s="42">
        <v>1.7869999999999999</v>
      </c>
      <c r="E6" s="42">
        <v>1.647</v>
      </c>
      <c r="F6" s="42">
        <v>1.577</v>
      </c>
      <c r="G6" s="42">
        <v>1.637</v>
      </c>
      <c r="H6" s="42">
        <v>1.6080000000000001</v>
      </c>
      <c r="I6" s="42">
        <v>1.6779999999999999</v>
      </c>
      <c r="J6" s="42">
        <v>1.7969999999999999</v>
      </c>
      <c r="K6" s="42">
        <v>1.905</v>
      </c>
      <c r="L6" s="42">
        <v>2.5339999999999998</v>
      </c>
      <c r="M6" s="42">
        <v>2.0419999999999998</v>
      </c>
      <c r="N6" s="42">
        <v>2.4420000000000002</v>
      </c>
      <c r="O6" s="130">
        <v>2.2749999999999999</v>
      </c>
      <c r="P6" s="21">
        <v>2.2191913068898339</v>
      </c>
    </row>
    <row r="7" spans="1:16" s="48" customFormat="1" ht="10.35" customHeight="1">
      <c r="A7" s="12"/>
      <c r="B7" s="14" t="s">
        <v>194</v>
      </c>
      <c r="C7" s="13"/>
      <c r="D7" s="42">
        <v>0.68899999999999995</v>
      </c>
      <c r="E7" s="42">
        <v>0.65800000000000003</v>
      </c>
      <c r="F7" s="42">
        <v>0.59499999999999997</v>
      </c>
      <c r="G7" s="42">
        <v>0.627</v>
      </c>
      <c r="H7" s="42">
        <v>0.627</v>
      </c>
      <c r="I7" s="42">
        <v>0.68400000000000005</v>
      </c>
      <c r="J7" s="42">
        <v>0.67400000000000004</v>
      </c>
      <c r="K7" s="42">
        <v>0.68799999999999994</v>
      </c>
      <c r="L7" s="42">
        <v>0.73499999999999999</v>
      </c>
      <c r="M7" s="42">
        <v>0.82499999999999996</v>
      </c>
      <c r="N7" s="42">
        <v>0.88100000000000001</v>
      </c>
      <c r="O7" s="130">
        <v>0.76</v>
      </c>
      <c r="P7" s="21">
        <v>0.89559725283330227</v>
      </c>
    </row>
    <row r="8" spans="1:16" s="48" customFormat="1" ht="10.35" customHeight="1">
      <c r="A8" s="12"/>
      <c r="B8" s="14" t="s">
        <v>195</v>
      </c>
      <c r="C8" s="13"/>
      <c r="D8" s="42">
        <v>0.69599999999999995</v>
      </c>
      <c r="E8" s="42">
        <v>0.68400000000000005</v>
      </c>
      <c r="F8" s="42">
        <v>0.65900000000000003</v>
      </c>
      <c r="G8" s="42">
        <v>0.66600000000000004</v>
      </c>
      <c r="H8" s="42">
        <v>0.67600000000000005</v>
      </c>
      <c r="I8" s="42">
        <v>0.68400000000000005</v>
      </c>
      <c r="J8" s="42">
        <v>0.68</v>
      </c>
      <c r="K8" s="42">
        <v>0.68799999999999994</v>
      </c>
      <c r="L8" s="42">
        <v>1.0940000000000001</v>
      </c>
      <c r="M8" s="42">
        <v>1.2509999999999999</v>
      </c>
      <c r="N8" s="42">
        <v>0.84</v>
      </c>
      <c r="O8" s="130">
        <v>0.58299999999999996</v>
      </c>
      <c r="P8" s="21">
        <v>-1.5976676486417984</v>
      </c>
    </row>
    <row r="9" spans="1:16" s="48" customFormat="1" ht="10.35" customHeight="1">
      <c r="A9" s="12"/>
      <c r="B9" s="30" t="s">
        <v>196</v>
      </c>
      <c r="C9" s="13"/>
      <c r="D9" s="42"/>
      <c r="E9" s="42"/>
      <c r="F9" s="42"/>
      <c r="G9" s="42"/>
      <c r="H9" s="42"/>
      <c r="I9" s="42"/>
      <c r="J9" s="42"/>
      <c r="K9" s="42"/>
      <c r="L9" s="42"/>
      <c r="M9" s="42"/>
      <c r="N9" s="42"/>
      <c r="O9" s="130"/>
      <c r="P9" s="21"/>
    </row>
    <row r="10" spans="1:16" s="48" customFormat="1" ht="10.35" customHeight="1">
      <c r="A10" s="12"/>
      <c r="B10" s="146" t="s">
        <v>197</v>
      </c>
      <c r="C10" s="13"/>
      <c r="D10" s="42">
        <v>0.93700000000000006</v>
      </c>
      <c r="E10" s="42">
        <v>0.76</v>
      </c>
      <c r="F10" s="42">
        <v>0.89800000000000002</v>
      </c>
      <c r="G10" s="42">
        <v>0.98799999999999999</v>
      </c>
      <c r="H10" s="42">
        <v>0.93400000000000005</v>
      </c>
      <c r="I10" s="42">
        <v>1.1950000000000001</v>
      </c>
      <c r="J10" s="42">
        <v>1.286</v>
      </c>
      <c r="K10" s="42">
        <v>1.2230000000000001</v>
      </c>
      <c r="L10" s="42">
        <v>1.363</v>
      </c>
      <c r="M10" s="42">
        <v>1.4650000000000001</v>
      </c>
      <c r="N10" s="42">
        <v>1.59</v>
      </c>
      <c r="O10" s="130">
        <v>1.643</v>
      </c>
      <c r="P10" s="21">
        <v>5.2379895886268013</v>
      </c>
    </row>
    <row r="11" spans="1:16" s="48" customFormat="1" ht="10.35" customHeight="1">
      <c r="A11" s="12"/>
      <c r="B11" s="14" t="s">
        <v>198</v>
      </c>
      <c r="C11" s="13"/>
      <c r="D11" s="42">
        <v>0.61199999999999999</v>
      </c>
      <c r="E11" s="42">
        <v>0.52200000000000002</v>
      </c>
      <c r="F11" s="42">
        <v>0.53700000000000003</v>
      </c>
      <c r="G11" s="42">
        <v>0.51200000000000001</v>
      </c>
      <c r="H11" s="42">
        <v>0.86399999999999999</v>
      </c>
      <c r="I11" s="42">
        <v>0.55800000000000005</v>
      </c>
      <c r="J11" s="42">
        <v>0.61599999999999999</v>
      </c>
      <c r="K11" s="42">
        <v>0.81699999999999995</v>
      </c>
      <c r="L11" s="42">
        <v>0.93100000000000005</v>
      </c>
      <c r="M11" s="42">
        <v>0.86599999999999999</v>
      </c>
      <c r="N11" s="42">
        <v>1.4510000000000001</v>
      </c>
      <c r="O11" s="130">
        <v>1.0329999999999999</v>
      </c>
      <c r="P11" s="21">
        <v>4.8740601317681875</v>
      </c>
    </row>
    <row r="12" spans="1:16" s="48" customFormat="1" ht="10.35" customHeight="1">
      <c r="A12" s="12"/>
      <c r="B12" s="14" t="s">
        <v>199</v>
      </c>
      <c r="C12" s="13"/>
      <c r="D12" s="42">
        <v>0.56699999999999995</v>
      </c>
      <c r="E12" s="42">
        <v>0.60199999999999998</v>
      </c>
      <c r="F12" s="42">
        <v>0.55900000000000005</v>
      </c>
      <c r="G12" s="42">
        <v>0.6</v>
      </c>
      <c r="H12" s="42">
        <v>0.58199999999999996</v>
      </c>
      <c r="I12" s="42">
        <v>0.54700000000000004</v>
      </c>
      <c r="J12" s="42">
        <v>0.56299999999999994</v>
      </c>
      <c r="K12" s="42">
        <v>0.53600000000000003</v>
      </c>
      <c r="L12" s="42">
        <v>1.2749999999999999</v>
      </c>
      <c r="M12" s="42">
        <v>0.57299999999999995</v>
      </c>
      <c r="N12" s="42">
        <v>0.58799999999999997</v>
      </c>
      <c r="O12" s="130">
        <v>0.57399999999999995</v>
      </c>
      <c r="P12" s="21">
        <v>0.11160853230880452</v>
      </c>
    </row>
    <row r="13" spans="1:16" s="48" customFormat="1" ht="12.3" customHeight="1">
      <c r="A13" s="12"/>
      <c r="B13" s="147" t="s">
        <v>200</v>
      </c>
      <c r="C13" s="13"/>
      <c r="D13" s="153">
        <v>1.07</v>
      </c>
      <c r="E13" s="153">
        <v>1.075</v>
      </c>
      <c r="F13" s="153">
        <v>1.024</v>
      </c>
      <c r="G13" s="153">
        <v>1.127</v>
      </c>
      <c r="H13" s="153">
        <v>0.98</v>
      </c>
      <c r="I13" s="153">
        <v>0.92900000000000005</v>
      </c>
      <c r="J13" s="153">
        <v>0.90300000000000002</v>
      </c>
      <c r="K13" s="153">
        <v>0.88300000000000001</v>
      </c>
      <c r="L13" s="153">
        <v>0.88500000000000001</v>
      </c>
      <c r="M13" s="153">
        <v>0.77</v>
      </c>
      <c r="N13" s="153">
        <v>0.68799999999999994</v>
      </c>
      <c r="O13" s="154">
        <v>0.80700000000000005</v>
      </c>
      <c r="P13" s="21">
        <v>-2.5318539960746511</v>
      </c>
    </row>
    <row r="14" spans="1:16" s="48" customFormat="1" ht="14.1" customHeight="1">
      <c r="A14" s="13"/>
      <c r="B14" s="13"/>
      <c r="C14" s="12" t="s">
        <v>201</v>
      </c>
      <c r="D14" s="133">
        <v>19.363</v>
      </c>
      <c r="E14" s="133">
        <v>18.806999999999999</v>
      </c>
      <c r="F14" s="133">
        <v>18.237000000000002</v>
      </c>
      <c r="G14" s="133">
        <v>18.689000000000004</v>
      </c>
      <c r="H14" s="133">
        <v>18.461000000000006</v>
      </c>
      <c r="I14" s="133">
        <v>18.331</v>
      </c>
      <c r="J14" s="133">
        <v>18.709</v>
      </c>
      <c r="K14" s="133">
        <v>19.102</v>
      </c>
      <c r="L14" s="133">
        <v>22.011000000000003</v>
      </c>
      <c r="M14" s="133">
        <v>19.983999999999998</v>
      </c>
      <c r="N14" s="133">
        <v>20.452000000000002</v>
      </c>
      <c r="O14" s="134">
        <v>20.748000000000001</v>
      </c>
      <c r="P14" s="21">
        <v>0.63002936968614698</v>
      </c>
    </row>
    <row r="15" spans="1:16" s="48" customFormat="1" ht="15" customHeight="1">
      <c r="A15" s="12" t="s">
        <v>165</v>
      </c>
      <c r="B15" s="13"/>
      <c r="C15" s="13"/>
      <c r="D15" s="89"/>
      <c r="E15" s="89"/>
      <c r="F15" s="89"/>
      <c r="G15" s="89"/>
      <c r="H15" s="89"/>
      <c r="I15" s="89"/>
      <c r="J15" s="89"/>
      <c r="K15" s="89"/>
      <c r="L15" s="89"/>
      <c r="M15" s="89"/>
      <c r="N15" s="89"/>
      <c r="O15" s="135"/>
      <c r="P15" s="21"/>
    </row>
    <row r="16" spans="1:16" s="48" customFormat="1" ht="10.35" customHeight="1">
      <c r="A16" s="12"/>
      <c r="B16" s="14" t="s">
        <v>204</v>
      </c>
      <c r="C16" s="13"/>
      <c r="D16" s="89">
        <v>3.4566296383833572</v>
      </c>
      <c r="E16" s="89">
        <v>2.0560854417728036</v>
      </c>
      <c r="F16" s="89">
        <v>2.8429123062286621</v>
      </c>
      <c r="G16" s="89">
        <v>4.532839962997226</v>
      </c>
      <c r="H16" s="89">
        <v>2.5299323269130758</v>
      </c>
      <c r="I16" s="89">
        <v>6.2855402112103942</v>
      </c>
      <c r="J16" s="89">
        <v>5.8421706315085586</v>
      </c>
      <c r="K16" s="89">
        <v>5.8627070451775953</v>
      </c>
      <c r="L16" s="89">
        <v>9.1966144173175834</v>
      </c>
      <c r="M16" s="89">
        <v>7.7219768515696341</v>
      </c>
      <c r="N16" s="89">
        <v>9.8981551955347857</v>
      </c>
      <c r="O16" s="135">
        <v>14.975925070905616</v>
      </c>
      <c r="P16" s="21" t="s">
        <v>50</v>
      </c>
    </row>
    <row r="17" spans="1:16" s="48" customFormat="1" ht="10.35" customHeight="1">
      <c r="A17" s="12"/>
      <c r="B17" s="14" t="s">
        <v>205</v>
      </c>
      <c r="C17" s="13"/>
      <c r="D17" s="89">
        <v>2.6704646608509908</v>
      </c>
      <c r="E17" s="89">
        <v>2.5923357031385486</v>
      </c>
      <c r="F17" s="89">
        <v>0</v>
      </c>
      <c r="G17" s="89">
        <v>3.2536127778247215</v>
      </c>
      <c r="H17" s="89">
        <v>2.0952692748404056</v>
      </c>
      <c r="I17" s="89">
        <v>4.994388327721655</v>
      </c>
      <c r="J17" s="89">
        <v>7.6200656638924835</v>
      </c>
      <c r="K17" s="89">
        <v>4.5902802412203014</v>
      </c>
      <c r="L17" s="89">
        <v>1.3838013838013863</v>
      </c>
      <c r="M17" s="89">
        <v>5.7339756456576962</v>
      </c>
      <c r="N17" s="89">
        <v>7.5302157818135873</v>
      </c>
      <c r="O17" s="135">
        <v>8.7447772612251775</v>
      </c>
      <c r="P17" s="21" t="s">
        <v>50</v>
      </c>
    </row>
    <row r="18" spans="1:16" s="48" customFormat="1" ht="10.35" customHeight="1">
      <c r="A18" s="12"/>
      <c r="B18" s="14" t="s">
        <v>206</v>
      </c>
      <c r="C18" s="13"/>
      <c r="D18" s="89">
        <v>1.2690355329949332</v>
      </c>
      <c r="E18" s="89">
        <v>-4.6365914786967384</v>
      </c>
      <c r="F18" s="89">
        <v>1.1038107752956661</v>
      </c>
      <c r="G18" s="89">
        <v>6.7325188458539076</v>
      </c>
      <c r="H18" s="89">
        <v>3.3365806137360066</v>
      </c>
      <c r="I18" s="89">
        <v>11.642705632806983</v>
      </c>
      <c r="J18" s="89">
        <v>12.792906903103241</v>
      </c>
      <c r="K18" s="89">
        <v>10.181545947969294</v>
      </c>
      <c r="L18" s="89">
        <v>32.30847630372007</v>
      </c>
      <c r="M18" s="89">
        <v>-6.6889202721787111</v>
      </c>
      <c r="N18" s="89">
        <v>32.801320858558071</v>
      </c>
      <c r="O18" s="135">
        <v>-3.8126813095731404</v>
      </c>
      <c r="P18" s="21" t="s">
        <v>50</v>
      </c>
    </row>
    <row r="19" spans="1:16" s="48" customFormat="1" ht="10.35" customHeight="1">
      <c r="A19" s="12"/>
      <c r="B19" s="14" t="s">
        <v>194</v>
      </c>
      <c r="C19" s="13"/>
      <c r="D19" s="89">
        <v>1.7857142857142794</v>
      </c>
      <c r="E19" s="89">
        <v>-1.2345679012345734</v>
      </c>
      <c r="F19" s="89">
        <v>-4.5394736842105265</v>
      </c>
      <c r="G19" s="89">
        <v>8.3390764989662358</v>
      </c>
      <c r="H19" s="89">
        <v>5.2798982188295263</v>
      </c>
      <c r="I19" s="89">
        <v>16.616314199395777</v>
      </c>
      <c r="J19" s="89">
        <v>3.8341968911917101</v>
      </c>
      <c r="K19" s="89">
        <v>6.0878243512973995</v>
      </c>
      <c r="L19" s="89">
        <v>6.2088428974600207</v>
      </c>
      <c r="M19" s="89">
        <v>30.070859167404773</v>
      </c>
      <c r="N19" s="89">
        <v>18.590398365679263</v>
      </c>
      <c r="O19" s="135">
        <v>-10.967556703990811</v>
      </c>
      <c r="P19" s="21" t="s">
        <v>50</v>
      </c>
    </row>
    <row r="20" spans="1:16" s="48" customFormat="1" ht="10.35" customHeight="1">
      <c r="A20" s="12"/>
      <c r="B20" s="14" t="s">
        <v>195</v>
      </c>
      <c r="C20" s="13"/>
      <c r="D20" s="89">
        <v>0.64724919093850364</v>
      </c>
      <c r="E20" s="89">
        <v>1.6077170418006492</v>
      </c>
      <c r="F20" s="89">
        <v>1.7721518987341867</v>
      </c>
      <c r="G20" s="89">
        <v>3.8557213930348277</v>
      </c>
      <c r="H20" s="89">
        <v>6.8263473053892243</v>
      </c>
      <c r="I20" s="89">
        <v>8.2399103139013441</v>
      </c>
      <c r="J20" s="89">
        <v>4.6607975142413327</v>
      </c>
      <c r="K20" s="89">
        <v>5.1954477981197345</v>
      </c>
      <c r="L20" s="89">
        <v>58.137347130761995</v>
      </c>
      <c r="M20" s="89">
        <v>32.450922070196306</v>
      </c>
      <c r="N20" s="89">
        <v>-25.443521221648325</v>
      </c>
      <c r="O20" s="135">
        <v>-28.3433734939759</v>
      </c>
      <c r="P20" s="21" t="s">
        <v>50</v>
      </c>
    </row>
    <row r="21" spans="1:16" s="48" customFormat="1" ht="10.35" customHeight="1">
      <c r="A21" s="12"/>
      <c r="B21" s="30" t="s">
        <v>196</v>
      </c>
      <c r="C21" s="13"/>
      <c r="D21" s="89"/>
      <c r="E21" s="89"/>
      <c r="F21" s="89"/>
      <c r="G21" s="89"/>
      <c r="H21" s="89"/>
      <c r="I21" s="89"/>
      <c r="J21" s="89"/>
      <c r="K21" s="89"/>
      <c r="L21" s="89"/>
      <c r="M21" s="89"/>
      <c r="N21" s="89"/>
      <c r="O21" s="135"/>
      <c r="P21" s="21"/>
    </row>
    <row r="22" spans="1:16" s="48" customFormat="1" ht="10.35" customHeight="1">
      <c r="A22" s="12"/>
      <c r="B22" s="146" t="s">
        <v>197</v>
      </c>
      <c r="C22" s="13"/>
      <c r="D22" s="89">
        <v>11.692471970101437</v>
      </c>
      <c r="E22" s="89">
        <v>-16.108986615678777</v>
      </c>
      <c r="F22" s="89">
        <v>24.843304843304836</v>
      </c>
      <c r="G22" s="89">
        <v>13.05340027384756</v>
      </c>
      <c r="H22" s="89">
        <v>-0.48445700444085249</v>
      </c>
      <c r="I22" s="89">
        <v>36.876267748478696</v>
      </c>
      <c r="J22" s="89">
        <v>13.366923532898634</v>
      </c>
      <c r="K22" s="89">
        <v>-1.2287581699346406</v>
      </c>
      <c r="L22" s="89">
        <v>10.931709899417674</v>
      </c>
      <c r="M22" s="89">
        <v>24.385588165115735</v>
      </c>
      <c r="N22" s="89">
        <v>20.544791866487632</v>
      </c>
      <c r="O22" s="135">
        <v>6.6836409929980967</v>
      </c>
      <c r="P22" s="21" t="s">
        <v>50</v>
      </c>
    </row>
    <row r="23" spans="1:16" s="48" customFormat="1" ht="10.35" customHeight="1">
      <c r="A23" s="12"/>
      <c r="B23" s="14" t="s">
        <v>198</v>
      </c>
      <c r="C23" s="13"/>
      <c r="D23" s="89">
        <v>-4.7386759581881543</v>
      </c>
      <c r="E23" s="89">
        <v>-11.850768105340158</v>
      </c>
      <c r="F23" s="89">
        <v>8.630705394190862</v>
      </c>
      <c r="G23" s="89">
        <v>-1.8334606569900713</v>
      </c>
      <c r="H23" s="89">
        <v>77.509727626459139</v>
      </c>
      <c r="I23" s="89">
        <v>-30.995177553704512</v>
      </c>
      <c r="J23" s="89">
        <v>16.327827191867851</v>
      </c>
      <c r="K23" s="89">
        <v>37.902785363189516</v>
      </c>
      <c r="L23" s="89">
        <v>13.346534653465337</v>
      </c>
      <c r="M23" s="89">
        <v>7.6869322152341102</v>
      </c>
      <c r="N23" s="89">
        <v>86.112913692407517</v>
      </c>
      <c r="O23" s="135">
        <v>-26.516736401673636</v>
      </c>
      <c r="P23" s="21" t="s">
        <v>50</v>
      </c>
    </row>
    <row r="24" spans="1:16" s="48" customFormat="1" ht="10.35" customHeight="1">
      <c r="A24" s="12"/>
      <c r="B24" s="14" t="s">
        <v>199</v>
      </c>
      <c r="C24" s="13"/>
      <c r="D24" s="89">
        <v>2.1791767554479424</v>
      </c>
      <c r="E24" s="89">
        <v>9.7946287519747202</v>
      </c>
      <c r="F24" s="89">
        <v>-1.9424460431654689</v>
      </c>
      <c r="G24" s="89">
        <v>10.418195157740273</v>
      </c>
      <c r="H24" s="89">
        <v>2.0598006644518163</v>
      </c>
      <c r="I24" s="89">
        <v>0.52083333333332593</v>
      </c>
      <c r="J24" s="89">
        <v>8.4196891191709931</v>
      </c>
      <c r="K24" s="89">
        <v>-1.0155316606929476</v>
      </c>
      <c r="L24" s="89">
        <v>136.51176825588411</v>
      </c>
      <c r="M24" s="89">
        <v>-47.945904567491702</v>
      </c>
      <c r="N24" s="89">
        <v>13.970588235294112</v>
      </c>
      <c r="O24" s="135">
        <v>0.68817204301074852</v>
      </c>
      <c r="P24" s="21" t="s">
        <v>50</v>
      </c>
    </row>
    <row r="25" spans="1:16" s="48" customFormat="1" ht="10.35" customHeight="1">
      <c r="A25" s="12"/>
      <c r="B25" s="147" t="s">
        <v>200</v>
      </c>
      <c r="C25" s="13"/>
      <c r="D25" s="89">
        <v>0.29374737725555988</v>
      </c>
      <c r="E25" s="89">
        <v>3.849372384937233</v>
      </c>
      <c r="F25" s="89">
        <v>0.64464141821112264</v>
      </c>
      <c r="G25" s="89">
        <v>13.130504403522814</v>
      </c>
      <c r="H25" s="89">
        <v>-8.4571832979476351</v>
      </c>
      <c r="I25" s="89">
        <v>1.3915732508697376</v>
      </c>
      <c r="J25" s="89">
        <v>2.3255813953488413</v>
      </c>
      <c r="K25" s="89">
        <v>1.6020864381520061</v>
      </c>
      <c r="L25" s="89">
        <v>-0.1833516685001868</v>
      </c>
      <c r="M25" s="89">
        <v>0.73475385745775945</v>
      </c>
      <c r="N25" s="89">
        <v>-0.83880379285192763</v>
      </c>
      <c r="O25" s="135">
        <v>21.073924236851795</v>
      </c>
      <c r="P25" s="21" t="s">
        <v>50</v>
      </c>
    </row>
    <row r="26" spans="1:16" s="48" customFormat="1" ht="13.35" customHeight="1">
      <c r="A26" s="13"/>
      <c r="B26" s="13"/>
      <c r="C26" s="12" t="s">
        <v>201</v>
      </c>
      <c r="D26" s="136">
        <v>2.7491980515623071</v>
      </c>
      <c r="E26" s="136">
        <v>0.45557559779842993</v>
      </c>
      <c r="F26" s="136">
        <v>2.3895577706669169</v>
      </c>
      <c r="G26" s="136">
        <v>5.378060570632015</v>
      </c>
      <c r="H26" s="136">
        <v>3.9514391175403896</v>
      </c>
      <c r="I26" s="136">
        <v>6.204716651957054</v>
      </c>
      <c r="J26" s="136">
        <v>7.517779839208405</v>
      </c>
      <c r="K26" s="136">
        <v>6.0933961246719681</v>
      </c>
      <c r="L26" s="136">
        <v>14.634992338245478</v>
      </c>
      <c r="M26" s="136">
        <v>5.1237534110854188</v>
      </c>
      <c r="N26" s="136">
        <v>13.644223874931471</v>
      </c>
      <c r="O26" s="137">
        <v>4.7306826335452801</v>
      </c>
      <c r="P26" s="21" t="s">
        <v>50</v>
      </c>
    </row>
    <row r="27" spans="1:16" s="48" customFormat="1" ht="16.8" customHeight="1">
      <c r="A27" s="12" t="s">
        <v>210</v>
      </c>
      <c r="B27" s="13"/>
      <c r="C27" s="13"/>
      <c r="D27" s="14"/>
      <c r="E27" s="14"/>
      <c r="F27" s="14"/>
      <c r="G27" s="14"/>
      <c r="H27" s="14"/>
      <c r="I27" s="14"/>
      <c r="J27" s="14"/>
      <c r="K27" s="14"/>
      <c r="L27" s="14"/>
      <c r="M27" s="14"/>
      <c r="N27" s="14"/>
      <c r="O27" s="20"/>
      <c r="P27" s="21"/>
    </row>
    <row r="28" spans="1:16" s="48" customFormat="1" ht="10.35" customHeight="1">
      <c r="A28" s="12"/>
      <c r="B28" s="14" t="s">
        <v>204</v>
      </c>
      <c r="C28" s="13"/>
      <c r="D28" s="14">
        <v>3831</v>
      </c>
      <c r="E28" s="14">
        <v>3855</v>
      </c>
      <c r="F28" s="14">
        <v>3899</v>
      </c>
      <c r="G28" s="14">
        <v>4031</v>
      </c>
      <c r="H28" s="14">
        <v>4052</v>
      </c>
      <c r="I28" s="14">
        <v>4243</v>
      </c>
      <c r="J28" s="14">
        <v>4413</v>
      </c>
      <c r="K28" s="14">
        <v>4589</v>
      </c>
      <c r="L28" s="14">
        <v>4948</v>
      </c>
      <c r="M28" s="14">
        <v>5279</v>
      </c>
      <c r="N28" s="14">
        <v>5661</v>
      </c>
      <c r="O28" s="20">
        <v>6317</v>
      </c>
      <c r="P28" s="21">
        <v>4.651471334686863</v>
      </c>
    </row>
    <row r="29" spans="1:16" s="48" customFormat="1" ht="10.35" customHeight="1">
      <c r="A29" s="12"/>
      <c r="B29" s="14" t="s">
        <v>205</v>
      </c>
      <c r="C29" s="13"/>
      <c r="D29" s="14">
        <v>2523</v>
      </c>
      <c r="E29" s="14">
        <v>2553</v>
      </c>
      <c r="F29" s="14">
        <v>2511</v>
      </c>
      <c r="G29" s="14">
        <v>2564</v>
      </c>
      <c r="H29" s="14">
        <v>2566</v>
      </c>
      <c r="I29" s="14">
        <v>2654</v>
      </c>
      <c r="J29" s="14">
        <v>2807</v>
      </c>
      <c r="K29" s="14">
        <v>2884</v>
      </c>
      <c r="L29" s="14">
        <v>2888</v>
      </c>
      <c r="M29" s="14">
        <v>3024</v>
      </c>
      <c r="N29" s="14">
        <v>3173</v>
      </c>
      <c r="O29" s="20">
        <v>3348</v>
      </c>
      <c r="P29" s="21">
        <v>2.6053098621326987</v>
      </c>
    </row>
    <row r="30" spans="1:16" s="48" customFormat="1" ht="10.35" customHeight="1">
      <c r="A30" s="12"/>
      <c r="B30" s="14" t="s">
        <v>206</v>
      </c>
      <c r="C30" s="13"/>
      <c r="D30" s="14">
        <v>873</v>
      </c>
      <c r="E30" s="14">
        <v>821</v>
      </c>
      <c r="F30" s="14">
        <v>816</v>
      </c>
      <c r="G30" s="14">
        <v>862</v>
      </c>
      <c r="H30" s="14">
        <v>873</v>
      </c>
      <c r="I30" s="14">
        <v>960</v>
      </c>
      <c r="J30" s="14">
        <v>1064</v>
      </c>
      <c r="K30" s="14">
        <v>1152</v>
      </c>
      <c r="L30" s="14">
        <v>1505</v>
      </c>
      <c r="M30" s="14">
        <v>1391</v>
      </c>
      <c r="N30" s="14">
        <v>1802</v>
      </c>
      <c r="O30" s="20">
        <v>1682</v>
      </c>
      <c r="P30" s="21">
        <v>6.1431512388310239</v>
      </c>
    </row>
    <row r="31" spans="1:16" s="48" customFormat="1" ht="10.35" customHeight="1">
      <c r="A31" s="12"/>
      <c r="B31" s="14" t="s">
        <v>194</v>
      </c>
      <c r="C31" s="13"/>
      <c r="D31" s="14">
        <v>337</v>
      </c>
      <c r="E31" s="14">
        <v>328</v>
      </c>
      <c r="F31" s="14">
        <v>308</v>
      </c>
      <c r="G31" s="14">
        <v>330</v>
      </c>
      <c r="H31" s="14">
        <v>340</v>
      </c>
      <c r="I31" s="14">
        <v>391</v>
      </c>
      <c r="J31" s="14">
        <v>399</v>
      </c>
      <c r="K31" s="14">
        <v>416</v>
      </c>
      <c r="L31" s="14">
        <v>436</v>
      </c>
      <c r="M31" s="14">
        <v>562</v>
      </c>
      <c r="N31" s="14">
        <v>650</v>
      </c>
      <c r="O31" s="20">
        <v>562</v>
      </c>
      <c r="P31" s="21">
        <v>4.7590357303105568</v>
      </c>
    </row>
    <row r="32" spans="1:16" s="48" customFormat="1" ht="10.35" customHeight="1">
      <c r="A32" s="12"/>
      <c r="B32" s="14" t="s">
        <v>195</v>
      </c>
      <c r="C32" s="13"/>
      <c r="D32" s="14">
        <v>340</v>
      </c>
      <c r="E32" s="14">
        <v>341</v>
      </c>
      <c r="F32" s="14">
        <v>341</v>
      </c>
      <c r="G32" s="14">
        <v>350</v>
      </c>
      <c r="H32" s="14">
        <v>367</v>
      </c>
      <c r="I32" s="14">
        <v>391</v>
      </c>
      <c r="J32" s="14">
        <v>403</v>
      </c>
      <c r="K32" s="14">
        <v>416</v>
      </c>
      <c r="L32" s="14">
        <v>650</v>
      </c>
      <c r="M32" s="14">
        <v>852</v>
      </c>
      <c r="N32" s="14">
        <v>620</v>
      </c>
      <c r="O32" s="20">
        <v>431</v>
      </c>
      <c r="P32" s="21">
        <v>2.1794325814829651</v>
      </c>
    </row>
    <row r="33" spans="1:16" s="48" customFormat="1" ht="10.35" customHeight="1">
      <c r="A33" s="12"/>
      <c r="B33" s="30" t="s">
        <v>196</v>
      </c>
      <c r="C33" s="13"/>
      <c r="D33" s="14"/>
      <c r="E33" s="14"/>
      <c r="F33" s="14"/>
      <c r="G33" s="14"/>
      <c r="H33" s="14"/>
      <c r="I33" s="14"/>
      <c r="J33" s="14"/>
      <c r="K33" s="14"/>
      <c r="L33" s="14"/>
      <c r="M33" s="14"/>
      <c r="N33" s="14"/>
      <c r="O33" s="20"/>
      <c r="P33" s="21"/>
    </row>
    <row r="34" spans="1:16" s="48" customFormat="1" ht="10.35" customHeight="1">
      <c r="A34" s="12"/>
      <c r="B34" s="146" t="s">
        <v>197</v>
      </c>
      <c r="C34" s="13"/>
      <c r="D34" s="14">
        <v>458</v>
      </c>
      <c r="E34" s="14">
        <v>379</v>
      </c>
      <c r="F34" s="14">
        <v>465</v>
      </c>
      <c r="G34" s="14">
        <v>520</v>
      </c>
      <c r="H34" s="14">
        <v>507</v>
      </c>
      <c r="I34" s="14">
        <v>684</v>
      </c>
      <c r="J34" s="14">
        <v>762</v>
      </c>
      <c r="K34" s="14">
        <v>739</v>
      </c>
      <c r="L34" s="14">
        <v>810</v>
      </c>
      <c r="M34" s="14">
        <v>997</v>
      </c>
      <c r="N34" s="14">
        <v>1173</v>
      </c>
      <c r="O34" s="20">
        <v>1215</v>
      </c>
      <c r="P34" s="21">
        <v>9.2745844506775263</v>
      </c>
    </row>
    <row r="35" spans="1:16" s="48" customFormat="1" ht="10.35" customHeight="1">
      <c r="A35" s="12"/>
      <c r="B35" s="14" t="s">
        <v>198</v>
      </c>
      <c r="C35" s="13"/>
      <c r="D35" s="14">
        <v>299</v>
      </c>
      <c r="E35" s="14">
        <v>260</v>
      </c>
      <c r="F35" s="14">
        <v>278</v>
      </c>
      <c r="G35" s="14">
        <v>270</v>
      </c>
      <c r="H35" s="14">
        <v>469</v>
      </c>
      <c r="I35" s="14">
        <v>319</v>
      </c>
      <c r="J35" s="14">
        <v>365</v>
      </c>
      <c r="K35" s="14">
        <v>494</v>
      </c>
      <c r="L35" s="14">
        <v>553</v>
      </c>
      <c r="M35" s="14">
        <v>590</v>
      </c>
      <c r="N35" s="14">
        <v>1071</v>
      </c>
      <c r="O35" s="20">
        <v>764</v>
      </c>
      <c r="P35" s="21">
        <v>8.9026327617603318</v>
      </c>
    </row>
    <row r="36" spans="1:16" s="48" customFormat="1" ht="10.35" customHeight="1">
      <c r="A36" s="12"/>
      <c r="B36" s="14" t="s">
        <v>199</v>
      </c>
      <c r="C36" s="13"/>
      <c r="D36" s="14">
        <v>277</v>
      </c>
      <c r="E36" s="14">
        <v>300</v>
      </c>
      <c r="F36" s="14">
        <v>289</v>
      </c>
      <c r="G36" s="14">
        <v>316</v>
      </c>
      <c r="H36" s="14">
        <v>316</v>
      </c>
      <c r="I36" s="14">
        <v>313</v>
      </c>
      <c r="J36" s="14">
        <v>333</v>
      </c>
      <c r="K36" s="14">
        <v>324</v>
      </c>
      <c r="L36" s="14">
        <v>757</v>
      </c>
      <c r="M36" s="14">
        <v>390</v>
      </c>
      <c r="N36" s="14">
        <v>434</v>
      </c>
      <c r="O36" s="20">
        <v>424</v>
      </c>
      <c r="P36" s="21">
        <v>3.9460106415837526</v>
      </c>
    </row>
    <row r="37" spans="1:16" s="48" customFormat="1" ht="12.3" customHeight="1">
      <c r="A37" s="12"/>
      <c r="B37" s="147" t="s">
        <v>200</v>
      </c>
      <c r="C37" s="13"/>
      <c r="D37" s="22">
        <v>523</v>
      </c>
      <c r="E37" s="22">
        <v>535</v>
      </c>
      <c r="F37" s="22">
        <v>530</v>
      </c>
      <c r="G37" s="22">
        <v>593</v>
      </c>
      <c r="H37" s="22">
        <v>532</v>
      </c>
      <c r="I37" s="22">
        <v>532</v>
      </c>
      <c r="J37" s="22">
        <v>535</v>
      </c>
      <c r="K37" s="22">
        <v>534</v>
      </c>
      <c r="L37" s="22">
        <v>526</v>
      </c>
      <c r="M37" s="22">
        <v>525</v>
      </c>
      <c r="N37" s="22">
        <v>508</v>
      </c>
      <c r="O37" s="24">
        <v>596</v>
      </c>
      <c r="P37" s="21">
        <v>1.1948934248820375</v>
      </c>
    </row>
    <row r="38" spans="1:16" s="48" customFormat="1" ht="13.35" customHeight="1">
      <c r="A38" s="13"/>
      <c r="B38" s="13"/>
      <c r="C38" s="12" t="s">
        <v>201</v>
      </c>
      <c r="D38" s="39">
        <v>9461</v>
      </c>
      <c r="E38" s="39">
        <v>9372</v>
      </c>
      <c r="F38" s="39">
        <v>9437</v>
      </c>
      <c r="G38" s="39">
        <v>9836</v>
      </c>
      <c r="H38" s="39">
        <v>10022</v>
      </c>
      <c r="I38" s="39">
        <v>10487</v>
      </c>
      <c r="J38" s="39">
        <v>11081</v>
      </c>
      <c r="K38" s="39">
        <v>11548</v>
      </c>
      <c r="L38" s="39">
        <v>13073</v>
      </c>
      <c r="M38" s="39">
        <v>13610</v>
      </c>
      <c r="N38" s="39">
        <v>15092</v>
      </c>
      <c r="O38" s="41">
        <v>15339</v>
      </c>
      <c r="P38" s="21">
        <v>4.490830807153845</v>
      </c>
    </row>
    <row r="39" spans="1:16" s="18" customFormat="1" ht="15" customHeight="1">
      <c r="A39" s="28" t="s">
        <v>211</v>
      </c>
      <c r="B39" s="29"/>
      <c r="C39" s="28"/>
      <c r="D39" s="138"/>
      <c r="E39" s="138"/>
      <c r="F39" s="138"/>
      <c r="G39" s="138"/>
      <c r="H39" s="138"/>
      <c r="I39" s="138"/>
      <c r="J39" s="138"/>
      <c r="K39" s="138"/>
      <c r="L39" s="138"/>
      <c r="M39" s="138"/>
      <c r="N39" s="138"/>
      <c r="O39" s="139"/>
      <c r="P39" s="21"/>
    </row>
    <row r="40" spans="1:16" s="18" customFormat="1" ht="11.4">
      <c r="A40" s="155" t="s">
        <v>212</v>
      </c>
      <c r="B40" s="156"/>
      <c r="C40" s="155"/>
      <c r="D40" s="157">
        <v>12142.658567380047</v>
      </c>
      <c r="E40" s="157">
        <v>12039.563720370465</v>
      </c>
      <c r="F40" s="157">
        <v>12001.525650117479</v>
      </c>
      <c r="G40" s="157">
        <v>12371.634723392019</v>
      </c>
      <c r="H40" s="157">
        <v>12380.463764889855</v>
      </c>
      <c r="I40" s="157">
        <v>12684.835845796342</v>
      </c>
      <c r="J40" s="157">
        <v>13047.840785519964</v>
      </c>
      <c r="K40" s="157">
        <v>13288.541390989954</v>
      </c>
      <c r="L40" s="157">
        <v>14928.181552402531</v>
      </c>
      <c r="M40" s="157">
        <v>15118.743668514049</v>
      </c>
      <c r="N40" s="157">
        <v>15682.643561003326</v>
      </c>
      <c r="O40" s="158">
        <v>15339.336943036735</v>
      </c>
      <c r="P40" s="21">
        <v>2.147235755275978</v>
      </c>
    </row>
    <row r="41" spans="1:16" s="48" customFormat="1" ht="13.35" customHeight="1">
      <c r="A41" s="13"/>
      <c r="B41" s="13" t="s">
        <v>169</v>
      </c>
      <c r="C41" s="12"/>
      <c r="D41" s="51">
        <v>0.12476618357262215</v>
      </c>
      <c r="E41" s="51">
        <v>-0.84903027156290056</v>
      </c>
      <c r="F41" s="51">
        <v>-0.31594226449108698</v>
      </c>
      <c r="G41" s="51">
        <v>3.0838502042523031</v>
      </c>
      <c r="H41" s="51">
        <v>7.1365197043382622E-2</v>
      </c>
      <c r="I41" s="51">
        <v>2.458486908783386</v>
      </c>
      <c r="J41" s="51">
        <v>2.8617235897768323</v>
      </c>
      <c r="K41" s="51">
        <v>1.8447543116644427</v>
      </c>
      <c r="L41" s="51">
        <v>12.338751960574879</v>
      </c>
      <c r="M41" s="51">
        <v>1.2765259816983399</v>
      </c>
      <c r="N41" s="51">
        <v>3.7298065557103355</v>
      </c>
      <c r="O41" s="53">
        <v>-2.1890864039036284</v>
      </c>
      <c r="P41" s="21" t="s">
        <v>50</v>
      </c>
    </row>
    <row r="42" spans="1:16" s="48" customFormat="1" ht="2.25" customHeight="1">
      <c r="A42" s="109"/>
      <c r="B42" s="110"/>
      <c r="C42" s="110"/>
      <c r="D42" s="148"/>
      <c r="E42" s="148"/>
      <c r="F42" s="148"/>
      <c r="G42" s="148"/>
      <c r="H42" s="148"/>
      <c r="I42" s="148"/>
      <c r="J42" s="148"/>
      <c r="K42" s="148"/>
      <c r="L42" s="148"/>
      <c r="M42" s="148"/>
      <c r="N42" s="148"/>
      <c r="O42" s="149"/>
      <c r="P42" s="150"/>
    </row>
    <row r="43" spans="1:16" ht="3" customHeight="1"/>
    <row r="44" spans="1:16" ht="12" customHeight="1">
      <c r="A44" s="159" t="s">
        <v>67</v>
      </c>
      <c r="B44" s="287" t="s">
        <v>213</v>
      </c>
      <c r="C44" s="287"/>
      <c r="D44" s="287"/>
      <c r="E44" s="287"/>
      <c r="F44" s="287"/>
      <c r="G44" s="287"/>
      <c r="H44" s="287"/>
      <c r="I44" s="287"/>
      <c r="J44" s="287"/>
      <c r="K44" s="287"/>
      <c r="L44" s="287"/>
      <c r="M44" s="287"/>
      <c r="N44" s="287"/>
      <c r="O44" s="287"/>
      <c r="P44" s="287"/>
    </row>
    <row r="45" spans="1:16" ht="21.6" customHeight="1">
      <c r="A45" s="159" t="s">
        <v>68</v>
      </c>
      <c r="B45" s="286" t="s">
        <v>513</v>
      </c>
      <c r="C45" s="286"/>
      <c r="D45" s="286"/>
      <c r="E45" s="286"/>
      <c r="F45" s="286"/>
      <c r="G45" s="286"/>
      <c r="H45" s="286"/>
      <c r="I45" s="286"/>
      <c r="J45" s="286"/>
      <c r="K45" s="286"/>
      <c r="L45" s="286"/>
      <c r="M45" s="286"/>
      <c r="N45" s="286"/>
      <c r="O45" s="286"/>
      <c r="P45" s="286"/>
    </row>
    <row r="46" spans="1:16" ht="12" customHeight="1">
      <c r="A46" s="159" t="s">
        <v>69</v>
      </c>
      <c r="B46" s="287" t="s">
        <v>514</v>
      </c>
      <c r="C46" s="287"/>
      <c r="D46" s="287"/>
      <c r="E46" s="287"/>
      <c r="F46" s="287"/>
      <c r="G46" s="287"/>
      <c r="H46" s="287"/>
      <c r="I46" s="287"/>
      <c r="J46" s="287"/>
      <c r="K46" s="287"/>
      <c r="L46" s="287"/>
      <c r="M46" s="287"/>
      <c r="N46" s="287"/>
      <c r="O46" s="287"/>
      <c r="P46" s="287"/>
    </row>
    <row r="47" spans="1:16" ht="12" customHeight="1">
      <c r="A47" s="159" t="s">
        <v>214</v>
      </c>
      <c r="B47" s="287" t="s">
        <v>515</v>
      </c>
      <c r="C47" s="287"/>
      <c r="D47" s="287"/>
      <c r="E47" s="287"/>
      <c r="F47" s="287"/>
      <c r="G47" s="287"/>
      <c r="H47" s="287"/>
      <c r="I47" s="287"/>
      <c r="J47" s="287"/>
      <c r="K47" s="287"/>
      <c r="L47" s="287"/>
      <c r="M47" s="287"/>
      <c r="N47" s="287"/>
      <c r="O47" s="287"/>
      <c r="P47" s="287"/>
    </row>
  </sheetData>
  <mergeCells count="4">
    <mergeCell ref="B47:P47"/>
    <mergeCell ref="B44:P44"/>
    <mergeCell ref="B45:P45"/>
    <mergeCell ref="B46:P46"/>
  </mergeCells>
  <pageMargins left="0.59055118110236227" right="0.23622047244094491" top="0.47244094488188981" bottom="0.43307086614173229" header="0.51181102362204722" footer="0.27559055118110237"/>
  <pageSetup scale="88" fitToHeight="0" pageOrder="overThenDown" orientation="landscape" r:id="rId1"/>
  <headerFooter alignWithMargins="0"/>
  <ignoredErrors>
    <ignoredError sqref="A44:A47"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5FBD73-FA02-49A3-99EC-C7541A4B7C99}">
  <sheetPr>
    <pageSetUpPr fitToPage="1"/>
  </sheetPr>
  <dimension ref="A1:P16"/>
  <sheetViews>
    <sheetView showGridLines="0" view="pageBreakPreview" zoomScaleNormal="100" zoomScaleSheetLayoutView="100" workbookViewId="0">
      <selection activeCell="E19" sqref="E19"/>
    </sheetView>
  </sheetViews>
  <sheetFormatPr defaultColWidth="8.6640625" defaultRowHeight="11.4"/>
  <cols>
    <col min="1" max="1" width="1.5546875" style="94" customWidth="1"/>
    <col min="2" max="2" width="2.33203125" style="94" customWidth="1"/>
    <col min="3" max="3" width="22.88671875" style="94" customWidth="1"/>
    <col min="4" max="7" width="7.77734375" style="66" bestFit="1" customWidth="1"/>
    <col min="8" max="13" width="7.77734375" style="100" bestFit="1" customWidth="1"/>
    <col min="14" max="14" width="7.44140625" style="100" customWidth="1"/>
    <col min="15" max="15" width="7.77734375" style="100" bestFit="1" customWidth="1"/>
    <col min="16" max="16" width="8.5546875" style="66" customWidth="1"/>
    <col min="17" max="16384" width="8.6640625" style="66"/>
  </cols>
  <sheetData>
    <row r="1" spans="1:16" s="2" customFormat="1" ht="17.850000000000001" customHeight="1">
      <c r="A1" s="1" t="s">
        <v>215</v>
      </c>
      <c r="H1" s="72"/>
      <c r="I1" s="72"/>
      <c r="J1" s="72"/>
      <c r="K1" s="72"/>
      <c r="L1" s="72"/>
      <c r="M1" s="72"/>
      <c r="N1" s="72"/>
      <c r="O1" s="72"/>
    </row>
    <row r="2" spans="1:16" s="11" customFormat="1" ht="34.950000000000003" customHeight="1">
      <c r="A2" s="6"/>
      <c r="B2" s="6"/>
      <c r="C2" s="6"/>
      <c r="D2" s="7" t="s">
        <v>2</v>
      </c>
      <c r="E2" s="7" t="s">
        <v>3</v>
      </c>
      <c r="F2" s="7" t="s">
        <v>4</v>
      </c>
      <c r="G2" s="7" t="s">
        <v>5</v>
      </c>
      <c r="H2" s="7" t="s">
        <v>6</v>
      </c>
      <c r="I2" s="7" t="s">
        <v>7</v>
      </c>
      <c r="J2" s="7" t="s">
        <v>8</v>
      </c>
      <c r="K2" s="7" t="s">
        <v>9</v>
      </c>
      <c r="L2" s="7" t="s">
        <v>10</v>
      </c>
      <c r="M2" s="7" t="s">
        <v>11</v>
      </c>
      <c r="N2" s="7" t="s">
        <v>12</v>
      </c>
      <c r="O2" s="74" t="s">
        <v>13</v>
      </c>
      <c r="P2" s="7" t="s">
        <v>14</v>
      </c>
    </row>
    <row r="3" spans="1:16" s="48" customFormat="1" ht="16.350000000000001" customHeight="1">
      <c r="A3" s="28" t="s">
        <v>216</v>
      </c>
      <c r="B3" s="13"/>
      <c r="C3" s="13"/>
      <c r="D3" s="14"/>
      <c r="E3" s="14"/>
      <c r="F3" s="14"/>
      <c r="G3" s="14"/>
      <c r="H3" s="14"/>
      <c r="I3" s="14"/>
      <c r="J3" s="14"/>
      <c r="K3" s="14"/>
      <c r="L3" s="14"/>
      <c r="M3" s="14"/>
      <c r="N3" s="14"/>
      <c r="O3" s="75"/>
      <c r="P3" s="17" t="s">
        <v>15</v>
      </c>
    </row>
    <row r="4" spans="1:16" s="48" customFormat="1" ht="16.350000000000001" customHeight="1">
      <c r="A4" s="108" t="s">
        <v>217</v>
      </c>
      <c r="B4" s="13"/>
      <c r="C4" s="13"/>
      <c r="D4" s="14"/>
      <c r="E4" s="14"/>
      <c r="F4" s="14"/>
      <c r="G4" s="14"/>
      <c r="H4" s="14"/>
      <c r="I4" s="14"/>
      <c r="J4" s="14"/>
      <c r="K4" s="14"/>
      <c r="L4" s="14"/>
      <c r="M4" s="14"/>
      <c r="N4" s="14"/>
      <c r="O4" s="75"/>
      <c r="P4" s="17"/>
    </row>
    <row r="5" spans="1:16" s="48" customFormat="1" ht="12" customHeight="1">
      <c r="A5" s="13"/>
      <c r="B5" s="13" t="s">
        <v>218</v>
      </c>
      <c r="C5" s="13"/>
      <c r="D5" s="14">
        <v>27326</v>
      </c>
      <c r="E5" s="14">
        <v>26526</v>
      </c>
      <c r="F5" s="14">
        <v>26679</v>
      </c>
      <c r="G5" s="14">
        <v>27192</v>
      </c>
      <c r="H5" s="14">
        <v>27940</v>
      </c>
      <c r="I5" s="14">
        <v>29291</v>
      </c>
      <c r="J5" s="14">
        <v>30891</v>
      </c>
      <c r="K5" s="14">
        <v>31774</v>
      </c>
      <c r="L5" s="14">
        <v>32672</v>
      </c>
      <c r="M5" s="14">
        <v>33400</v>
      </c>
      <c r="N5" s="14">
        <v>33696</v>
      </c>
      <c r="O5" s="75">
        <v>37008</v>
      </c>
      <c r="P5" s="21">
        <v>2.8291751582618208</v>
      </c>
    </row>
    <row r="6" spans="1:16" s="48" customFormat="1" ht="13.35" customHeight="1">
      <c r="A6" s="13"/>
      <c r="B6" s="13" t="s">
        <v>219</v>
      </c>
      <c r="C6" s="13"/>
      <c r="D6" s="22">
        <v>4508</v>
      </c>
      <c r="E6" s="22">
        <v>4640</v>
      </c>
      <c r="F6" s="22">
        <v>4798</v>
      </c>
      <c r="G6" s="22">
        <v>4803</v>
      </c>
      <c r="H6" s="22">
        <v>4850</v>
      </c>
      <c r="I6" s="22">
        <v>5076</v>
      </c>
      <c r="J6" s="22">
        <v>5258</v>
      </c>
      <c r="K6" s="22">
        <v>5985</v>
      </c>
      <c r="L6" s="22">
        <v>6042</v>
      </c>
      <c r="M6" s="22">
        <v>6767</v>
      </c>
      <c r="N6" s="22">
        <v>7746</v>
      </c>
      <c r="O6" s="81">
        <v>8666</v>
      </c>
      <c r="P6" s="21">
        <v>6.4751075732029983</v>
      </c>
    </row>
    <row r="7" spans="1:16" s="48" customFormat="1" ht="15" customHeight="1">
      <c r="A7" s="13"/>
      <c r="B7" s="13"/>
      <c r="C7" s="12" t="s">
        <v>220</v>
      </c>
      <c r="D7" s="160">
        <v>31834</v>
      </c>
      <c r="E7" s="160">
        <v>31166</v>
      </c>
      <c r="F7" s="160">
        <v>31477</v>
      </c>
      <c r="G7" s="160">
        <v>31995</v>
      </c>
      <c r="H7" s="160">
        <v>32790</v>
      </c>
      <c r="I7" s="160">
        <v>34367</v>
      </c>
      <c r="J7" s="160">
        <v>36149</v>
      </c>
      <c r="K7" s="160">
        <v>37759</v>
      </c>
      <c r="L7" s="160">
        <v>38714</v>
      </c>
      <c r="M7" s="160">
        <v>40167</v>
      </c>
      <c r="N7" s="160">
        <v>41442</v>
      </c>
      <c r="O7" s="161">
        <v>45674</v>
      </c>
      <c r="P7" s="21">
        <v>3.4132799897443666</v>
      </c>
    </row>
    <row r="8" spans="1:16" s="48" customFormat="1" ht="15.6" customHeight="1">
      <c r="A8" s="12" t="s">
        <v>65</v>
      </c>
      <c r="B8" s="13"/>
      <c r="C8" s="13"/>
      <c r="D8" s="45"/>
      <c r="E8" s="45"/>
      <c r="F8" s="45"/>
      <c r="G8" s="45"/>
      <c r="H8" s="45"/>
      <c r="I8" s="45"/>
      <c r="J8" s="45"/>
      <c r="K8" s="45"/>
      <c r="L8" s="45"/>
      <c r="M8" s="45"/>
      <c r="N8" s="45"/>
      <c r="O8" s="162"/>
      <c r="P8" s="21"/>
    </row>
    <row r="9" spans="1:16" s="48" customFormat="1" ht="11.7" customHeight="1">
      <c r="A9" s="13"/>
      <c r="B9" s="13" t="s">
        <v>218</v>
      </c>
      <c r="C9" s="13"/>
      <c r="D9" s="45">
        <v>0.35992360805052748</v>
      </c>
      <c r="E9" s="45">
        <v>-2.9276147259020724</v>
      </c>
      <c r="F9" s="45">
        <v>0.5767925808640495</v>
      </c>
      <c r="G9" s="45">
        <v>1.9228606769369216</v>
      </c>
      <c r="H9" s="45">
        <v>2.7508090614886793</v>
      </c>
      <c r="I9" s="45">
        <v>4.8353614889047991</v>
      </c>
      <c r="J9" s="45">
        <v>5.4624287323751242</v>
      </c>
      <c r="K9" s="45">
        <v>2.858437732672936</v>
      </c>
      <c r="L9" s="45">
        <v>2.8262101088940561</v>
      </c>
      <c r="M9" s="45">
        <v>2.2282076395690575</v>
      </c>
      <c r="N9" s="45">
        <v>0.88622754491018974</v>
      </c>
      <c r="O9" s="162">
        <v>9.8290598290598385</v>
      </c>
      <c r="P9" s="116" t="s">
        <v>115</v>
      </c>
    </row>
    <row r="10" spans="1:16" s="48" customFormat="1" ht="11.7" customHeight="1">
      <c r="A10" s="13"/>
      <c r="B10" s="13" t="s">
        <v>221</v>
      </c>
      <c r="C10" s="13"/>
      <c r="D10" s="45">
        <v>3.7275655775425687</v>
      </c>
      <c r="E10" s="45">
        <v>2.9281277728482769</v>
      </c>
      <c r="F10" s="45">
        <v>3.4051724137931005</v>
      </c>
      <c r="G10" s="45">
        <v>0.10421008753647154</v>
      </c>
      <c r="H10" s="45">
        <v>0.97855506974806605</v>
      </c>
      <c r="I10" s="45">
        <v>4.6597938144329998</v>
      </c>
      <c r="J10" s="45">
        <v>3.585500394011043</v>
      </c>
      <c r="K10" s="45">
        <v>13.826550019018647</v>
      </c>
      <c r="L10" s="45">
        <v>0.952380952380949</v>
      </c>
      <c r="M10" s="45">
        <v>11.999337967560407</v>
      </c>
      <c r="N10" s="45">
        <v>14.467267622284607</v>
      </c>
      <c r="O10" s="162">
        <v>11.877097856958429</v>
      </c>
      <c r="P10" s="116" t="s">
        <v>115</v>
      </c>
    </row>
    <row r="11" spans="1:16" s="48" customFormat="1" ht="15.6" customHeight="1">
      <c r="A11" s="12" t="s">
        <v>222</v>
      </c>
      <c r="B11" s="13"/>
      <c r="C11" s="13"/>
      <c r="D11" s="14"/>
      <c r="E11" s="14"/>
      <c r="F11" s="14"/>
      <c r="G11" s="14"/>
      <c r="H11" s="14"/>
      <c r="I11" s="14"/>
      <c r="J11" s="14"/>
      <c r="K11" s="14"/>
      <c r="L11" s="14"/>
      <c r="M11" s="14"/>
      <c r="N11" s="14"/>
      <c r="O11" s="75"/>
      <c r="P11" s="21"/>
    </row>
    <row r="12" spans="1:16" s="48" customFormat="1" ht="11.7" customHeight="1">
      <c r="A12" s="13"/>
      <c r="B12" s="13" t="s">
        <v>223</v>
      </c>
      <c r="C12" s="13"/>
      <c r="D12" s="163">
        <v>143.58440660928568</v>
      </c>
      <c r="E12" s="163">
        <v>148.71792979528973</v>
      </c>
      <c r="F12" s="163">
        <v>149.7185564062649</v>
      </c>
      <c r="G12" s="163">
        <v>148.94427254258477</v>
      </c>
      <c r="H12" s="163">
        <v>148.25462031107045</v>
      </c>
      <c r="I12" s="163">
        <v>143.57383536532137</v>
      </c>
      <c r="J12" s="163">
        <v>138.89676062961632</v>
      </c>
      <c r="K12" s="163">
        <v>135.35904022881962</v>
      </c>
      <c r="L12" s="163">
        <v>133.70101255359819</v>
      </c>
      <c r="M12" s="163">
        <v>130.12335997211642</v>
      </c>
      <c r="N12" s="163">
        <v>129.24771970464747</v>
      </c>
      <c r="O12" s="164">
        <v>120.83489512633008</v>
      </c>
      <c r="P12" s="21">
        <v>-1.4970616005642534</v>
      </c>
    </row>
    <row r="13" spans="1:16" ht="2.85" customHeight="1">
      <c r="A13" s="54"/>
      <c r="B13" s="54"/>
      <c r="C13" s="54"/>
      <c r="D13" s="55"/>
      <c r="E13" s="55"/>
      <c r="F13" s="55"/>
      <c r="G13" s="55"/>
      <c r="H13" s="55"/>
      <c r="I13" s="55"/>
      <c r="J13" s="55"/>
      <c r="K13" s="55"/>
      <c r="L13" s="55"/>
      <c r="M13" s="55"/>
      <c r="N13" s="55"/>
      <c r="O13" s="119"/>
      <c r="P13" s="58"/>
    </row>
    <row r="14" spans="1:16" ht="3.45" customHeight="1">
      <c r="H14" s="66"/>
      <c r="I14" s="66"/>
      <c r="J14" s="66"/>
      <c r="K14" s="66"/>
      <c r="L14" s="66"/>
      <c r="M14" s="66"/>
      <c r="N14" s="66"/>
      <c r="O14" s="66"/>
    </row>
    <row r="15" spans="1:16" ht="12" customHeight="1">
      <c r="A15" s="62">
        <v>1</v>
      </c>
      <c r="B15" s="144" t="s">
        <v>224</v>
      </c>
      <c r="H15" s="66"/>
      <c r="I15" s="66"/>
      <c r="J15" s="66"/>
      <c r="K15" s="66"/>
      <c r="L15" s="66"/>
      <c r="M15" s="66"/>
      <c r="N15" s="66"/>
      <c r="O15" s="66"/>
    </row>
    <row r="16" spans="1:16" ht="13.35" customHeight="1">
      <c r="A16" s="62">
        <v>2</v>
      </c>
      <c r="B16" s="165" t="s">
        <v>516</v>
      </c>
      <c r="C16" s="68"/>
      <c r="D16" s="68"/>
      <c r="E16" s="68"/>
      <c r="F16" s="68"/>
      <c r="G16" s="68"/>
      <c r="H16" s="68"/>
      <c r="I16" s="68"/>
      <c r="J16" s="68"/>
      <c r="K16" s="68"/>
      <c r="L16" s="68"/>
      <c r="M16" s="68"/>
      <c r="N16" s="68"/>
      <c r="O16" s="68"/>
      <c r="P16" s="68"/>
    </row>
  </sheetData>
  <pageMargins left="0.74803149606299213" right="0.31496062992125984" top="0.98425196850393704" bottom="0.98425196850393704" header="0.51181102362204722" footer="0.51181102362204722"/>
  <pageSetup scale="99"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FF839F-6348-49B1-8770-0738D01ACCE1}">
  <sheetPr>
    <pageSetUpPr fitToPage="1"/>
  </sheetPr>
  <dimension ref="A1:P49"/>
  <sheetViews>
    <sheetView showGridLines="0" view="pageBreakPreview" topLeftCell="A27" zoomScaleNormal="100" zoomScaleSheetLayoutView="100" workbookViewId="0">
      <selection activeCell="L43" sqref="L43"/>
    </sheetView>
  </sheetViews>
  <sheetFormatPr defaultColWidth="8.5546875" defaultRowHeight="12"/>
  <cols>
    <col min="1" max="1" width="2" style="99" customWidth="1"/>
    <col min="2" max="2" width="2.44140625" style="94" customWidth="1"/>
    <col min="3" max="3" width="26.44140625" style="94" customWidth="1"/>
    <col min="4" max="15" width="8.109375" style="66" customWidth="1"/>
    <col min="16" max="16" width="8.5546875" style="66" customWidth="1"/>
    <col min="17" max="16384" width="8.5546875" style="169"/>
  </cols>
  <sheetData>
    <row r="1" spans="1:16" s="166" customFormat="1" ht="17.100000000000001" customHeight="1">
      <c r="A1" s="1" t="s">
        <v>225</v>
      </c>
      <c r="B1" s="2"/>
      <c r="C1" s="2"/>
      <c r="D1" s="2"/>
      <c r="E1" s="2"/>
      <c r="F1" s="2"/>
      <c r="G1" s="2"/>
      <c r="H1" s="2"/>
      <c r="I1" s="2"/>
      <c r="J1" s="2"/>
      <c r="K1" s="2"/>
      <c r="L1" s="2"/>
      <c r="M1" s="2"/>
      <c r="N1" s="2"/>
      <c r="O1" s="2"/>
      <c r="P1" s="2"/>
    </row>
    <row r="2" spans="1:16" s="168" customFormat="1" ht="32.1" customHeight="1">
      <c r="A2" s="5" t="s">
        <v>1</v>
      </c>
      <c r="B2" s="5"/>
      <c r="C2" s="5"/>
      <c r="D2" s="7" t="s">
        <v>226</v>
      </c>
      <c r="E2" s="7" t="s">
        <v>227</v>
      </c>
      <c r="F2" s="7" t="s">
        <v>228</v>
      </c>
      <c r="G2" s="7" t="s">
        <v>229</v>
      </c>
      <c r="H2" s="7" t="s">
        <v>230</v>
      </c>
      <c r="I2" s="7" t="s">
        <v>231</v>
      </c>
      <c r="J2" s="7" t="s">
        <v>232</v>
      </c>
      <c r="K2" s="7" t="s">
        <v>233</v>
      </c>
      <c r="L2" s="7" t="s">
        <v>234</v>
      </c>
      <c r="M2" s="7" t="s">
        <v>235</v>
      </c>
      <c r="N2" s="7" t="s">
        <v>236</v>
      </c>
      <c r="O2" s="167" t="s">
        <v>237</v>
      </c>
      <c r="P2" s="7" t="s">
        <v>14</v>
      </c>
    </row>
    <row r="3" spans="1:16" s="70" customFormat="1" ht="15" customHeight="1">
      <c r="A3" s="12" t="s">
        <v>238</v>
      </c>
      <c r="B3" s="13"/>
      <c r="C3" s="13"/>
      <c r="D3" s="14"/>
      <c r="E3" s="14"/>
      <c r="F3" s="14"/>
      <c r="G3" s="14"/>
      <c r="H3" s="14"/>
      <c r="I3" s="14"/>
      <c r="J3" s="14"/>
      <c r="K3" s="14"/>
      <c r="L3" s="14"/>
      <c r="M3" s="14"/>
      <c r="N3" s="14"/>
      <c r="O3" s="75"/>
      <c r="P3" s="17" t="s">
        <v>15</v>
      </c>
    </row>
    <row r="4" spans="1:16" s="70" customFormat="1" ht="11.1" customHeight="1">
      <c r="A4" s="12"/>
      <c r="B4" s="13" t="s">
        <v>239</v>
      </c>
      <c r="C4" s="13"/>
      <c r="D4" s="14"/>
      <c r="E4" s="14"/>
      <c r="F4" s="14"/>
      <c r="G4" s="14"/>
      <c r="H4" s="14"/>
      <c r="I4" s="14"/>
      <c r="J4" s="14"/>
      <c r="K4" s="14"/>
      <c r="L4" s="14"/>
      <c r="M4" s="14"/>
      <c r="N4" s="14"/>
      <c r="O4" s="75"/>
      <c r="P4" s="21"/>
    </row>
    <row r="5" spans="1:16" s="70" customFormat="1" ht="11.1" customHeight="1">
      <c r="A5" s="12"/>
      <c r="B5" s="48"/>
      <c r="C5" s="13" t="s">
        <v>240</v>
      </c>
      <c r="D5" s="14">
        <v>509</v>
      </c>
      <c r="E5" s="14">
        <v>466</v>
      </c>
      <c r="F5" s="14">
        <v>420</v>
      </c>
      <c r="G5" s="14">
        <v>430</v>
      </c>
      <c r="H5" s="14">
        <v>474</v>
      </c>
      <c r="I5" s="14">
        <v>578</v>
      </c>
      <c r="J5" s="14">
        <v>626</v>
      </c>
      <c r="K5" s="14">
        <v>877</v>
      </c>
      <c r="L5" s="14">
        <v>944</v>
      </c>
      <c r="M5" s="14">
        <v>1001</v>
      </c>
      <c r="N5" s="14">
        <v>934</v>
      </c>
      <c r="O5" s="75">
        <v>874</v>
      </c>
      <c r="P5" s="21">
        <v>5.0376211099909307</v>
      </c>
    </row>
    <row r="6" spans="1:16" s="70" customFormat="1" ht="11.1" customHeight="1">
      <c r="A6" s="12"/>
      <c r="B6" s="48"/>
      <c r="C6" s="13" t="s">
        <v>241</v>
      </c>
      <c r="D6" s="14">
        <v>591</v>
      </c>
      <c r="E6" s="14">
        <v>507</v>
      </c>
      <c r="F6" s="14">
        <v>718</v>
      </c>
      <c r="G6" s="14">
        <v>746</v>
      </c>
      <c r="H6" s="14">
        <v>792</v>
      </c>
      <c r="I6" s="14">
        <v>968</v>
      </c>
      <c r="J6" s="14">
        <v>1024</v>
      </c>
      <c r="K6" s="14">
        <v>936</v>
      </c>
      <c r="L6" s="14">
        <v>904</v>
      </c>
      <c r="M6" s="14">
        <v>899</v>
      </c>
      <c r="N6" s="14">
        <v>1071</v>
      </c>
      <c r="O6" s="75">
        <v>1227</v>
      </c>
      <c r="P6" s="21">
        <v>6.8664918581348156</v>
      </c>
    </row>
    <row r="7" spans="1:16" s="70" customFormat="1" ht="11.1" customHeight="1">
      <c r="A7" s="12"/>
      <c r="B7" s="13" t="s">
        <v>242</v>
      </c>
      <c r="C7" s="13"/>
      <c r="D7" s="14">
        <v>742</v>
      </c>
      <c r="E7" s="14">
        <v>690</v>
      </c>
      <c r="F7" s="14">
        <v>900</v>
      </c>
      <c r="G7" s="14">
        <v>923</v>
      </c>
      <c r="H7" s="14">
        <v>1004</v>
      </c>
      <c r="I7" s="14">
        <v>890</v>
      </c>
      <c r="J7" s="14">
        <v>904</v>
      </c>
      <c r="K7" s="14">
        <v>1009</v>
      </c>
      <c r="L7" s="14">
        <v>1162</v>
      </c>
      <c r="M7" s="14">
        <v>1555</v>
      </c>
      <c r="N7" s="14">
        <v>1915</v>
      </c>
      <c r="O7" s="75">
        <v>2998</v>
      </c>
      <c r="P7" s="21">
        <v>13.53500751026333</v>
      </c>
    </row>
    <row r="8" spans="1:16" s="70" customFormat="1" ht="11.1" customHeight="1">
      <c r="A8" s="12"/>
      <c r="B8" s="13" t="s">
        <v>243</v>
      </c>
      <c r="C8" s="13"/>
      <c r="D8" s="14">
        <v>1005</v>
      </c>
      <c r="E8" s="14">
        <v>1017</v>
      </c>
      <c r="F8" s="14">
        <v>822</v>
      </c>
      <c r="G8" s="14">
        <v>867</v>
      </c>
      <c r="H8" s="14">
        <v>823</v>
      </c>
      <c r="I8" s="14">
        <v>717</v>
      </c>
      <c r="J8" s="14">
        <v>853</v>
      </c>
      <c r="K8" s="14">
        <v>955</v>
      </c>
      <c r="L8" s="14">
        <v>1285</v>
      </c>
      <c r="M8" s="14">
        <v>1364</v>
      </c>
      <c r="N8" s="14">
        <v>1823</v>
      </c>
      <c r="O8" s="75">
        <v>2263</v>
      </c>
      <c r="P8" s="21">
        <v>7.6582052889779151</v>
      </c>
    </row>
    <row r="9" spans="1:16" s="70" customFormat="1" ht="11.1" customHeight="1">
      <c r="A9" s="12"/>
      <c r="B9" s="13" t="s">
        <v>244</v>
      </c>
      <c r="C9" s="13"/>
      <c r="D9" s="14">
        <v>48</v>
      </c>
      <c r="E9" s="14">
        <v>80</v>
      </c>
      <c r="F9" s="14">
        <v>83</v>
      </c>
      <c r="G9" s="14">
        <v>51</v>
      </c>
      <c r="H9" s="14">
        <v>41</v>
      </c>
      <c r="I9" s="14">
        <v>115</v>
      </c>
      <c r="J9" s="14">
        <v>85</v>
      </c>
      <c r="K9" s="14">
        <v>73</v>
      </c>
      <c r="L9" s="14">
        <v>107</v>
      </c>
      <c r="M9" s="14">
        <v>67</v>
      </c>
      <c r="N9" s="14">
        <v>101</v>
      </c>
      <c r="O9" s="75">
        <v>158</v>
      </c>
      <c r="P9" s="21">
        <v>11.439153502959233</v>
      </c>
    </row>
    <row r="10" spans="1:16" s="70" customFormat="1" ht="12.75" hidden="1" customHeight="1">
      <c r="A10" s="12"/>
      <c r="B10" s="13" t="s">
        <v>245</v>
      </c>
      <c r="C10" s="13"/>
      <c r="D10" s="14">
        <v>0</v>
      </c>
      <c r="E10" s="14">
        <v>0</v>
      </c>
      <c r="F10" s="14">
        <v>0</v>
      </c>
      <c r="G10" s="14">
        <v>0</v>
      </c>
      <c r="H10" s="14">
        <v>0</v>
      </c>
      <c r="I10" s="14">
        <v>0</v>
      </c>
      <c r="J10" s="14">
        <v>0</v>
      </c>
      <c r="K10" s="14">
        <v>0</v>
      </c>
      <c r="L10" s="14">
        <v>0</v>
      </c>
      <c r="M10" s="14">
        <v>0</v>
      </c>
      <c r="N10" s="14">
        <v>0</v>
      </c>
      <c r="O10" s="75">
        <v>0</v>
      </c>
      <c r="P10" s="21" t="e">
        <v>#DIV/0!</v>
      </c>
    </row>
    <row r="11" spans="1:16" s="70" customFormat="1" ht="11.25" hidden="1" customHeight="1">
      <c r="A11" s="12"/>
      <c r="B11" s="13" t="s">
        <v>246</v>
      </c>
      <c r="C11" s="13"/>
      <c r="D11" s="14">
        <v>0</v>
      </c>
      <c r="E11" s="14">
        <v>0</v>
      </c>
      <c r="F11" s="14">
        <v>0</v>
      </c>
      <c r="G11" s="14">
        <v>0</v>
      </c>
      <c r="H11" s="14">
        <v>0</v>
      </c>
      <c r="I11" s="14">
        <v>0</v>
      </c>
      <c r="J11" s="14">
        <v>0</v>
      </c>
      <c r="K11" s="14">
        <v>0</v>
      </c>
      <c r="L11" s="14">
        <v>0</v>
      </c>
      <c r="M11" s="14">
        <v>0</v>
      </c>
      <c r="N11" s="14">
        <v>0</v>
      </c>
      <c r="O11" s="75">
        <v>0</v>
      </c>
      <c r="P11" s="21" t="e">
        <v>#DIV/0!</v>
      </c>
    </row>
    <row r="12" spans="1:16" s="70" customFormat="1" ht="11.1" hidden="1" customHeight="1">
      <c r="A12" s="12"/>
      <c r="B12" s="13" t="s">
        <v>247</v>
      </c>
      <c r="C12" s="13"/>
      <c r="D12" s="14">
        <v>0</v>
      </c>
      <c r="E12" s="14">
        <v>0</v>
      </c>
      <c r="F12" s="14">
        <v>0</v>
      </c>
      <c r="G12" s="14">
        <v>0</v>
      </c>
      <c r="H12" s="14">
        <v>0</v>
      </c>
      <c r="I12" s="14">
        <v>0</v>
      </c>
      <c r="J12" s="14">
        <v>0</v>
      </c>
      <c r="K12" s="14">
        <v>0</v>
      </c>
      <c r="L12" s="14">
        <v>0</v>
      </c>
      <c r="M12" s="14">
        <v>0</v>
      </c>
      <c r="N12" s="14">
        <v>0</v>
      </c>
      <c r="O12" s="75">
        <v>0</v>
      </c>
      <c r="P12" s="116" t="s">
        <v>166</v>
      </c>
    </row>
    <row r="13" spans="1:16">
      <c r="B13" s="13" t="s">
        <v>248</v>
      </c>
      <c r="D13" s="14">
        <v>6</v>
      </c>
      <c r="E13" s="14">
        <v>0</v>
      </c>
      <c r="F13" s="14">
        <v>0</v>
      </c>
      <c r="G13" s="14">
        <v>0</v>
      </c>
      <c r="H13" s="14">
        <v>0</v>
      </c>
      <c r="I13" s="14">
        <v>0</v>
      </c>
      <c r="J13" s="14">
        <v>0</v>
      </c>
      <c r="K13" s="14">
        <v>0</v>
      </c>
      <c r="L13" s="14">
        <v>0</v>
      </c>
      <c r="M13" s="14">
        <v>0</v>
      </c>
      <c r="N13" s="14">
        <v>0</v>
      </c>
      <c r="O13" s="75">
        <v>0</v>
      </c>
      <c r="P13" s="116" t="s">
        <v>166</v>
      </c>
    </row>
    <row r="14" spans="1:16" s="70" customFormat="1" ht="11.1" customHeight="1">
      <c r="A14" s="12"/>
      <c r="B14" s="13" t="s">
        <v>249</v>
      </c>
      <c r="C14" s="13"/>
      <c r="D14" s="14">
        <v>267</v>
      </c>
      <c r="E14" s="14">
        <v>298</v>
      </c>
      <c r="F14" s="14">
        <v>326</v>
      </c>
      <c r="G14" s="14">
        <v>290</v>
      </c>
      <c r="H14" s="14">
        <v>301</v>
      </c>
      <c r="I14" s="14">
        <v>430</v>
      </c>
      <c r="J14" s="14">
        <v>421</v>
      </c>
      <c r="K14" s="14">
        <v>520</v>
      </c>
      <c r="L14" s="14">
        <v>389</v>
      </c>
      <c r="M14" s="14">
        <v>386</v>
      </c>
      <c r="N14" s="14">
        <v>470</v>
      </c>
      <c r="O14" s="75">
        <v>537</v>
      </c>
      <c r="P14" s="21">
        <v>6.5583648712846498</v>
      </c>
    </row>
    <row r="15" spans="1:16" s="70" customFormat="1" ht="11.1" customHeight="1">
      <c r="A15" s="12"/>
      <c r="B15" s="13" t="s">
        <v>250</v>
      </c>
      <c r="C15" s="13"/>
      <c r="D15" s="14">
        <v>92</v>
      </c>
      <c r="E15" s="14">
        <v>65</v>
      </c>
      <c r="F15" s="14">
        <v>107</v>
      </c>
      <c r="G15" s="14">
        <v>127</v>
      </c>
      <c r="H15" s="14">
        <v>184</v>
      </c>
      <c r="I15" s="14">
        <v>169</v>
      </c>
      <c r="J15" s="14">
        <v>483</v>
      </c>
      <c r="K15" s="14">
        <v>355</v>
      </c>
      <c r="L15" s="14">
        <v>572</v>
      </c>
      <c r="M15" s="14">
        <v>642</v>
      </c>
      <c r="N15" s="14">
        <v>357</v>
      </c>
      <c r="O15" s="75">
        <v>587</v>
      </c>
      <c r="P15" s="21">
        <v>18.349984862908354</v>
      </c>
    </row>
    <row r="16" spans="1:16" s="70" customFormat="1" ht="12.75" customHeight="1">
      <c r="A16" s="12"/>
      <c r="B16" s="13" t="s">
        <v>251</v>
      </c>
      <c r="C16" s="13"/>
      <c r="D16" s="22">
        <v>19</v>
      </c>
      <c r="E16" s="22">
        <v>28</v>
      </c>
      <c r="F16" s="22">
        <v>31</v>
      </c>
      <c r="G16" s="22">
        <v>25</v>
      </c>
      <c r="H16" s="22">
        <v>40</v>
      </c>
      <c r="I16" s="22">
        <v>41</v>
      </c>
      <c r="J16" s="22">
        <v>56</v>
      </c>
      <c r="K16" s="22">
        <v>47</v>
      </c>
      <c r="L16" s="22">
        <v>65</v>
      </c>
      <c r="M16" s="22">
        <v>88</v>
      </c>
      <c r="N16" s="22">
        <v>85</v>
      </c>
      <c r="O16" s="81">
        <v>128</v>
      </c>
      <c r="P16" s="21">
        <v>18.936242891354095</v>
      </c>
    </row>
    <row r="17" spans="1:16" s="70" customFormat="1" ht="13.35" customHeight="1">
      <c r="A17" s="12"/>
      <c r="B17" s="13"/>
      <c r="C17" s="13"/>
      <c r="D17" s="82">
        <v>3279</v>
      </c>
      <c r="E17" s="82">
        <v>3151</v>
      </c>
      <c r="F17" s="82">
        <v>3407</v>
      </c>
      <c r="G17" s="82">
        <v>3459</v>
      </c>
      <c r="H17" s="82">
        <v>3659</v>
      </c>
      <c r="I17" s="82">
        <v>3908</v>
      </c>
      <c r="J17" s="82">
        <v>4452</v>
      </c>
      <c r="K17" s="82">
        <v>4772</v>
      </c>
      <c r="L17" s="82">
        <v>5428</v>
      </c>
      <c r="M17" s="82">
        <v>6002</v>
      </c>
      <c r="N17" s="82">
        <v>6756</v>
      </c>
      <c r="O17" s="83">
        <v>8772</v>
      </c>
      <c r="P17" s="21">
        <v>9.3580242006823244</v>
      </c>
    </row>
    <row r="18" spans="1:16" s="70" customFormat="1" ht="12" customHeight="1">
      <c r="A18" s="12" t="s">
        <v>252</v>
      </c>
      <c r="B18" s="13"/>
      <c r="C18" s="13"/>
      <c r="D18" s="14"/>
      <c r="E18" s="14"/>
      <c r="F18" s="14"/>
      <c r="G18" s="14"/>
      <c r="H18" s="14"/>
      <c r="I18" s="14"/>
      <c r="J18" s="14"/>
      <c r="K18" s="15"/>
      <c r="L18" s="15"/>
      <c r="M18" s="14"/>
      <c r="N18" s="14"/>
      <c r="O18" s="75"/>
      <c r="P18" s="21"/>
    </row>
    <row r="19" spans="1:16" s="70" customFormat="1" ht="10.5" customHeight="1">
      <c r="A19" s="12"/>
      <c r="B19" s="13" t="s">
        <v>253</v>
      </c>
      <c r="C19" s="13"/>
      <c r="D19" s="14">
        <v>1929</v>
      </c>
      <c r="E19" s="14">
        <v>2036</v>
      </c>
      <c r="F19" s="14">
        <v>2169</v>
      </c>
      <c r="G19" s="14">
        <v>2306</v>
      </c>
      <c r="H19" s="14">
        <v>2444</v>
      </c>
      <c r="I19" s="14">
        <v>2473</v>
      </c>
      <c r="J19" s="14">
        <v>3826</v>
      </c>
      <c r="K19" s="14">
        <v>3082</v>
      </c>
      <c r="L19" s="14">
        <v>3207</v>
      </c>
      <c r="M19" s="14">
        <v>3475</v>
      </c>
      <c r="N19" s="14">
        <v>3919</v>
      </c>
      <c r="O19" s="75">
        <v>4263</v>
      </c>
      <c r="P19" s="21">
        <v>7.4750250467848334</v>
      </c>
    </row>
    <row r="20" spans="1:16" s="70" customFormat="1" ht="10.5" hidden="1" customHeight="1">
      <c r="A20" s="12"/>
      <c r="B20" s="13" t="s">
        <v>254</v>
      </c>
      <c r="C20" s="13"/>
      <c r="D20" s="14">
        <v>0</v>
      </c>
      <c r="E20" s="14">
        <v>0</v>
      </c>
      <c r="F20" s="14">
        <v>0</v>
      </c>
      <c r="G20" s="14">
        <v>0</v>
      </c>
      <c r="H20" s="14">
        <v>0</v>
      </c>
      <c r="I20" s="14">
        <v>0</v>
      </c>
      <c r="J20" s="14">
        <v>0</v>
      </c>
      <c r="K20" s="14">
        <v>0</v>
      </c>
      <c r="L20" s="14">
        <v>0</v>
      </c>
      <c r="M20" s="14">
        <v>0</v>
      </c>
      <c r="N20" s="14">
        <v>0</v>
      </c>
      <c r="O20" s="75">
        <v>0</v>
      </c>
      <c r="P20" s="21" t="e">
        <v>#DIV/0!</v>
      </c>
    </row>
    <row r="21" spans="1:16" s="70" customFormat="1" ht="10.5" customHeight="1">
      <c r="A21" s="12"/>
      <c r="B21" s="13" t="s">
        <v>255</v>
      </c>
      <c r="C21" s="13"/>
      <c r="D21" s="14">
        <v>94</v>
      </c>
      <c r="E21" s="14">
        <v>52</v>
      </c>
      <c r="F21" s="14">
        <v>28</v>
      </c>
      <c r="G21" s="14">
        <v>15</v>
      </c>
      <c r="H21" s="14">
        <v>2</v>
      </c>
      <c r="I21" s="14">
        <v>1</v>
      </c>
      <c r="J21" s="14">
        <v>2</v>
      </c>
      <c r="K21" s="14">
        <v>994</v>
      </c>
      <c r="L21" s="14">
        <v>7</v>
      </c>
      <c r="M21" s="14">
        <v>9</v>
      </c>
      <c r="N21" s="14">
        <v>10</v>
      </c>
      <c r="O21" s="20">
        <v>8</v>
      </c>
      <c r="P21" s="21">
        <v>-20.067420128518631</v>
      </c>
    </row>
    <row r="22" spans="1:16" s="70" customFormat="1" ht="10.5" customHeight="1">
      <c r="A22" s="12"/>
      <c r="B22" s="13" t="s">
        <v>256</v>
      </c>
      <c r="C22" s="13"/>
      <c r="D22" s="14">
        <v>540</v>
      </c>
      <c r="E22" s="14">
        <v>202</v>
      </c>
      <c r="F22" s="14">
        <v>76</v>
      </c>
      <c r="G22" s="14">
        <v>25</v>
      </c>
      <c r="H22" s="14">
        <v>38</v>
      </c>
      <c r="I22" s="14">
        <v>4</v>
      </c>
      <c r="J22" s="14">
        <v>0</v>
      </c>
      <c r="K22" s="14">
        <v>0</v>
      </c>
      <c r="L22" s="14">
        <v>0</v>
      </c>
      <c r="M22" s="14">
        <v>0</v>
      </c>
      <c r="N22" s="14">
        <v>0</v>
      </c>
      <c r="O22" s="20">
        <v>0</v>
      </c>
      <c r="P22" s="116" t="s">
        <v>166</v>
      </c>
    </row>
    <row r="23" spans="1:16" s="70" customFormat="1" ht="10.5" customHeight="1">
      <c r="A23" s="12"/>
      <c r="B23" s="13" t="s">
        <v>257</v>
      </c>
      <c r="C23" s="13"/>
      <c r="D23" s="14">
        <v>10</v>
      </c>
      <c r="E23" s="14">
        <v>8</v>
      </c>
      <c r="F23" s="14">
        <v>5</v>
      </c>
      <c r="G23" s="14">
        <v>23</v>
      </c>
      <c r="H23" s="14">
        <v>4</v>
      </c>
      <c r="I23" s="14">
        <v>11</v>
      </c>
      <c r="J23" s="14">
        <v>33</v>
      </c>
      <c r="K23" s="14">
        <v>6</v>
      </c>
      <c r="L23" s="14">
        <v>1</v>
      </c>
      <c r="M23" s="14">
        <v>2</v>
      </c>
      <c r="N23" s="14">
        <v>6</v>
      </c>
      <c r="O23" s="20">
        <v>4</v>
      </c>
      <c r="P23" s="21">
        <v>-7.9924141496448993</v>
      </c>
    </row>
    <row r="24" spans="1:16" s="70" customFormat="1" ht="13.35" customHeight="1">
      <c r="A24" s="12"/>
      <c r="B24" s="13" t="s">
        <v>258</v>
      </c>
      <c r="C24" s="13"/>
      <c r="D24" s="14">
        <v>73</v>
      </c>
      <c r="E24" s="14">
        <v>82</v>
      </c>
      <c r="F24" s="14">
        <v>88</v>
      </c>
      <c r="G24" s="14">
        <v>90</v>
      </c>
      <c r="H24" s="14">
        <v>62</v>
      </c>
      <c r="I24" s="14">
        <v>54</v>
      </c>
      <c r="J24" s="14">
        <v>66</v>
      </c>
      <c r="K24" s="14">
        <v>62</v>
      </c>
      <c r="L24" s="14">
        <v>100</v>
      </c>
      <c r="M24" s="14">
        <v>54</v>
      </c>
      <c r="N24" s="14">
        <v>41</v>
      </c>
      <c r="O24" s="20">
        <v>64</v>
      </c>
      <c r="P24" s="21">
        <v>-1.1890232870252593</v>
      </c>
    </row>
    <row r="25" spans="1:16" s="70" customFormat="1" ht="10.5" customHeight="1">
      <c r="A25" s="12"/>
      <c r="B25" s="13" t="s">
        <v>259</v>
      </c>
      <c r="C25" s="13"/>
      <c r="D25" s="14">
        <v>97</v>
      </c>
      <c r="E25" s="14">
        <v>100</v>
      </c>
      <c r="F25" s="14">
        <v>69</v>
      </c>
      <c r="G25" s="14">
        <v>68</v>
      </c>
      <c r="H25" s="14">
        <v>86</v>
      </c>
      <c r="I25" s="14">
        <v>82</v>
      </c>
      <c r="J25" s="14">
        <v>75</v>
      </c>
      <c r="K25" s="14">
        <v>102</v>
      </c>
      <c r="L25" s="14">
        <v>73</v>
      </c>
      <c r="M25" s="14">
        <v>90</v>
      </c>
      <c r="N25" s="14">
        <v>95</v>
      </c>
      <c r="O25" s="20">
        <v>84</v>
      </c>
      <c r="P25" s="21">
        <v>-1.2996100860001469</v>
      </c>
    </row>
    <row r="26" spans="1:16" s="70" customFormat="1" ht="12.75" customHeight="1">
      <c r="A26" s="12"/>
      <c r="B26" s="13" t="s">
        <v>260</v>
      </c>
      <c r="C26" s="13"/>
      <c r="D26" s="14">
        <v>10</v>
      </c>
      <c r="E26" s="14">
        <v>13</v>
      </c>
      <c r="F26" s="14">
        <v>25</v>
      </c>
      <c r="G26" s="14">
        <v>23</v>
      </c>
      <c r="H26" s="14">
        <v>27</v>
      </c>
      <c r="I26" s="14">
        <v>48</v>
      </c>
      <c r="J26" s="14">
        <v>60</v>
      </c>
      <c r="K26" s="14">
        <v>36</v>
      </c>
      <c r="L26" s="14">
        <v>22</v>
      </c>
      <c r="M26" s="14">
        <v>22</v>
      </c>
      <c r="N26" s="14">
        <v>16</v>
      </c>
      <c r="O26" s="20">
        <v>18</v>
      </c>
      <c r="P26" s="21">
        <v>5.4888581454047625</v>
      </c>
    </row>
    <row r="27" spans="1:16" s="70" customFormat="1" ht="12.75" customHeight="1">
      <c r="A27" s="12"/>
      <c r="B27" s="13" t="s">
        <v>261</v>
      </c>
      <c r="C27" s="13"/>
      <c r="D27" s="22">
        <v>12</v>
      </c>
      <c r="E27" s="22">
        <v>26</v>
      </c>
      <c r="F27" s="22">
        <v>28</v>
      </c>
      <c r="G27" s="22">
        <v>23</v>
      </c>
      <c r="H27" s="22">
        <v>62</v>
      </c>
      <c r="I27" s="22">
        <v>56</v>
      </c>
      <c r="J27" s="22">
        <v>44</v>
      </c>
      <c r="K27" s="22">
        <v>104</v>
      </c>
      <c r="L27" s="22">
        <v>65</v>
      </c>
      <c r="M27" s="22">
        <v>78</v>
      </c>
      <c r="N27" s="22">
        <v>78</v>
      </c>
      <c r="O27" s="81">
        <v>143</v>
      </c>
      <c r="P27" s="21">
        <v>25.265724265358514</v>
      </c>
    </row>
    <row r="28" spans="1:16" s="70" customFormat="1" ht="13.35" customHeight="1">
      <c r="A28" s="12"/>
      <c r="B28" s="13"/>
      <c r="C28" s="13"/>
      <c r="D28" s="82">
        <v>2765</v>
      </c>
      <c r="E28" s="82">
        <v>2519</v>
      </c>
      <c r="F28" s="82">
        <v>2488</v>
      </c>
      <c r="G28" s="82">
        <v>2573</v>
      </c>
      <c r="H28" s="82">
        <v>2725</v>
      </c>
      <c r="I28" s="82">
        <v>2729</v>
      </c>
      <c r="J28" s="82">
        <v>4106</v>
      </c>
      <c r="K28" s="82">
        <v>4386</v>
      </c>
      <c r="L28" s="82">
        <v>3475</v>
      </c>
      <c r="M28" s="82">
        <v>3730</v>
      </c>
      <c r="N28" s="82">
        <v>4165</v>
      </c>
      <c r="O28" s="83">
        <v>4584</v>
      </c>
      <c r="P28" s="21">
        <v>4.7029801248481995</v>
      </c>
    </row>
    <row r="29" spans="1:16" s="70" customFormat="1" ht="15" customHeight="1">
      <c r="A29" s="12"/>
      <c r="B29" s="13"/>
      <c r="C29" s="12" t="s">
        <v>262</v>
      </c>
      <c r="D29" s="39">
        <v>6044</v>
      </c>
      <c r="E29" s="39">
        <v>5670</v>
      </c>
      <c r="F29" s="39">
        <v>5895</v>
      </c>
      <c r="G29" s="39">
        <v>6032</v>
      </c>
      <c r="H29" s="39">
        <v>6384</v>
      </c>
      <c r="I29" s="39">
        <v>6637</v>
      </c>
      <c r="J29" s="39">
        <v>8558</v>
      </c>
      <c r="K29" s="39">
        <v>9158</v>
      </c>
      <c r="L29" s="39">
        <v>8903</v>
      </c>
      <c r="M29" s="39">
        <v>9732</v>
      </c>
      <c r="N29" s="39">
        <v>10921</v>
      </c>
      <c r="O29" s="87">
        <v>13356</v>
      </c>
      <c r="P29" s="21">
        <v>7.4743242514411889</v>
      </c>
    </row>
    <row r="30" spans="1:16" s="70" customFormat="1" ht="3.6" customHeight="1">
      <c r="A30" s="12"/>
      <c r="B30" s="13"/>
      <c r="C30" s="13"/>
      <c r="D30" s="14"/>
      <c r="E30" s="14"/>
      <c r="F30" s="14"/>
      <c r="G30" s="14"/>
      <c r="H30" s="14"/>
      <c r="I30" s="14"/>
      <c r="J30" s="14"/>
      <c r="K30" s="15"/>
      <c r="L30" s="15"/>
      <c r="M30" s="14"/>
      <c r="N30" s="14"/>
      <c r="O30" s="75"/>
      <c r="P30" s="21"/>
    </row>
    <row r="31" spans="1:16" s="70" customFormat="1" ht="11.4">
      <c r="A31" s="12" t="s">
        <v>263</v>
      </c>
      <c r="B31" s="13"/>
      <c r="C31" s="13"/>
      <c r="D31" s="42"/>
      <c r="E31" s="42"/>
      <c r="F31" s="42"/>
      <c r="G31" s="42"/>
      <c r="H31" s="42"/>
      <c r="I31" s="42"/>
      <c r="J31" s="42"/>
      <c r="K31" s="43"/>
      <c r="L31" s="43"/>
      <c r="M31" s="42"/>
      <c r="N31" s="42"/>
      <c r="O31" s="88"/>
      <c r="P31" s="21"/>
    </row>
    <row r="32" spans="1:16" s="70" customFormat="1" ht="10.199999999999999">
      <c r="A32" s="13"/>
      <c r="B32" s="13" t="s">
        <v>264</v>
      </c>
      <c r="C32" s="13"/>
      <c r="D32" s="42">
        <v>1.4682440177675884</v>
      </c>
      <c r="E32" s="42">
        <v>1.3641814694715151</v>
      </c>
      <c r="F32" s="42">
        <v>1.3970443511350217</v>
      </c>
      <c r="G32" s="42">
        <v>1.3792745948704861</v>
      </c>
      <c r="H32" s="42">
        <v>1.3864469974840099</v>
      </c>
      <c r="I32" s="42">
        <v>1.3844262672566183</v>
      </c>
      <c r="J32" s="42">
        <v>1.4970140420724163</v>
      </c>
      <c r="K32" s="42">
        <v>1.5443715553426778</v>
      </c>
      <c r="L32" s="42">
        <v>1.7657085604986145</v>
      </c>
      <c r="M32" s="42">
        <v>1.6862534662032889</v>
      </c>
      <c r="N32" s="42">
        <v>1.7094492870968967</v>
      </c>
      <c r="O32" s="130">
        <v>2.1496958465742901</v>
      </c>
      <c r="P32" s="21">
        <v>3.5267584955520626</v>
      </c>
    </row>
    <row r="33" spans="1:16" s="70" customFormat="1" ht="14.1" customHeight="1">
      <c r="A33" s="13"/>
      <c r="B33" s="13" t="s">
        <v>265</v>
      </c>
      <c r="C33" s="13"/>
      <c r="D33" s="153">
        <v>1.2380892678034101</v>
      </c>
      <c r="E33" s="153">
        <v>1.0905658907009668</v>
      </c>
      <c r="F33" s="153">
        <v>1.0202073218737699</v>
      </c>
      <c r="G33" s="153">
        <v>1.0259825188209775</v>
      </c>
      <c r="H33" s="153">
        <v>1.0325411500803299</v>
      </c>
      <c r="I33" s="153">
        <v>0.96676030791794043</v>
      </c>
      <c r="J33" s="153">
        <v>1.3806692849841287</v>
      </c>
      <c r="K33" s="153">
        <v>1.4194496315450511</v>
      </c>
      <c r="L33" s="153">
        <v>1.130404798771681</v>
      </c>
      <c r="M33" s="153">
        <v>1.0479382587367989</v>
      </c>
      <c r="N33" s="153">
        <v>1.053856761509558</v>
      </c>
      <c r="O33" s="154">
        <v>1.1233704697556479</v>
      </c>
      <c r="P33" s="21">
        <v>-0.88006603650658821</v>
      </c>
    </row>
    <row r="34" spans="1:16" s="70" customFormat="1">
      <c r="A34" s="13"/>
      <c r="B34" s="13"/>
      <c r="C34" s="12" t="s">
        <v>266</v>
      </c>
      <c r="D34" s="170">
        <v>2.7063332855709987</v>
      </c>
      <c r="E34" s="170">
        <v>2.4547473601724814</v>
      </c>
      <c r="F34" s="170">
        <v>2.4172516730087916</v>
      </c>
      <c r="G34" s="170">
        <v>2.4052571136914636</v>
      </c>
      <c r="H34" s="170">
        <v>2.4189881475643396</v>
      </c>
      <c r="I34" s="170">
        <v>2.3511865751745589</v>
      </c>
      <c r="J34" s="170">
        <v>2.8776833270565452</v>
      </c>
      <c r="K34" s="170">
        <v>2.9638211868877287</v>
      </c>
      <c r="L34" s="170">
        <v>2.8961133592702955</v>
      </c>
      <c r="M34" s="170">
        <v>2.734191724940088</v>
      </c>
      <c r="N34" s="170">
        <v>2.7633060486064549</v>
      </c>
      <c r="O34" s="171">
        <v>3.2730663163299383</v>
      </c>
      <c r="P34" s="21">
        <v>1.7435025237241275</v>
      </c>
    </row>
    <row r="35" spans="1:16" s="70" customFormat="1" ht="10.199999999999999">
      <c r="A35" s="12" t="s">
        <v>65</v>
      </c>
      <c r="B35" s="13"/>
      <c r="C35" s="13"/>
      <c r="D35" s="45"/>
      <c r="E35" s="45"/>
      <c r="F35" s="45"/>
      <c r="G35" s="45"/>
      <c r="H35" s="45"/>
      <c r="I35" s="45"/>
      <c r="J35" s="45"/>
      <c r="K35" s="45"/>
      <c r="L35" s="45"/>
      <c r="M35" s="45"/>
      <c r="N35" s="45"/>
      <c r="O35" s="162"/>
      <c r="P35" s="21"/>
    </row>
    <row r="36" spans="1:16" s="70" customFormat="1" ht="10.199999999999999">
      <c r="A36" s="13"/>
      <c r="B36" s="13" t="s">
        <v>264</v>
      </c>
      <c r="C36" s="13"/>
      <c r="D36" s="45">
        <v>-8.0224403927068764</v>
      </c>
      <c r="E36" s="45">
        <v>-3.9036291552302482</v>
      </c>
      <c r="F36" s="45">
        <v>8.1244049508092608</v>
      </c>
      <c r="G36" s="45">
        <v>1.5262694452597536</v>
      </c>
      <c r="H36" s="45">
        <v>5.7820179242555669</v>
      </c>
      <c r="I36" s="45">
        <v>6.8051380158513197</v>
      </c>
      <c r="J36" s="45">
        <v>13.920163766632543</v>
      </c>
      <c r="K36" s="45">
        <v>7.1877807726864251</v>
      </c>
      <c r="L36" s="45">
        <v>13.746856663872586</v>
      </c>
      <c r="M36" s="45">
        <v>10.57479734708917</v>
      </c>
      <c r="N36" s="45">
        <v>12.562479173608798</v>
      </c>
      <c r="O36" s="162">
        <v>29.840142095914747</v>
      </c>
      <c r="P36" s="116" t="s">
        <v>166</v>
      </c>
    </row>
    <row r="37" spans="1:16" s="70" customFormat="1" ht="10.199999999999999">
      <c r="A37" s="13"/>
      <c r="B37" s="13" t="s">
        <v>265</v>
      </c>
      <c r="C37" s="13"/>
      <c r="D37" s="45">
        <v>0.76530612244898322</v>
      </c>
      <c r="E37" s="45" t="s">
        <v>269</v>
      </c>
      <c r="F37" s="45">
        <v>-1.2306470821754623</v>
      </c>
      <c r="G37" s="45">
        <v>3.4163987138263741</v>
      </c>
      <c r="H37" s="45">
        <v>5.9075009716284432</v>
      </c>
      <c r="I37" s="45">
        <v>0.14678899082569696</v>
      </c>
      <c r="J37" s="45">
        <v>50.458043239281778</v>
      </c>
      <c r="K37" s="45">
        <v>6.8192888455918199</v>
      </c>
      <c r="L37" s="45">
        <v>-20.77063383492932</v>
      </c>
      <c r="M37" s="45">
        <v>7.3381294964028676</v>
      </c>
      <c r="N37" s="45">
        <v>11.662198391420908</v>
      </c>
      <c r="O37" s="162">
        <v>10.06002400960384</v>
      </c>
      <c r="P37" s="21">
        <v>26.387988703719213</v>
      </c>
    </row>
    <row r="38" spans="1:16" s="70" customFormat="1" ht="10.199999999999999">
      <c r="A38" s="13"/>
      <c r="B38" s="13"/>
      <c r="C38" s="12" t="s">
        <v>266</v>
      </c>
      <c r="D38" s="45">
        <v>-4.200348708194646</v>
      </c>
      <c r="E38" s="45">
        <v>-6.1879549966909364</v>
      </c>
      <c r="F38" s="45">
        <v>3.9682539682539764</v>
      </c>
      <c r="G38" s="45">
        <v>2.3240033927056869</v>
      </c>
      <c r="H38" s="45">
        <v>5.8355437665782439</v>
      </c>
      <c r="I38" s="45">
        <v>3.9630325814536294</v>
      </c>
      <c r="J38" s="45">
        <v>28.943799909597701</v>
      </c>
      <c r="K38" s="45">
        <v>7.0109838747370867</v>
      </c>
      <c r="L38" s="45">
        <v>-2.7844507534396157</v>
      </c>
      <c r="M38" s="45">
        <v>9.3114680444793976</v>
      </c>
      <c r="N38" s="45">
        <v>12.217427044800665</v>
      </c>
      <c r="O38" s="162">
        <v>22.296492995146956</v>
      </c>
      <c r="P38" s="116" t="s">
        <v>166</v>
      </c>
    </row>
    <row r="39" spans="1:16" s="70" customFormat="1" ht="11.4">
      <c r="A39" s="12" t="s">
        <v>267</v>
      </c>
      <c r="B39" s="13"/>
      <c r="C39" s="13"/>
      <c r="D39" s="14"/>
      <c r="E39" s="14"/>
      <c r="F39" s="14"/>
      <c r="G39" s="14"/>
      <c r="H39" s="14"/>
      <c r="I39" s="14"/>
      <c r="J39" s="14"/>
      <c r="K39" s="14"/>
      <c r="L39" s="14"/>
      <c r="M39" s="14"/>
      <c r="N39" s="14"/>
      <c r="O39" s="75"/>
      <c r="P39" s="21"/>
    </row>
    <row r="40" spans="1:16" s="70" customFormat="1" ht="10.199999999999999">
      <c r="A40" s="13"/>
      <c r="B40" s="13" t="s">
        <v>264</v>
      </c>
      <c r="C40" s="13"/>
      <c r="D40" s="14">
        <v>717</v>
      </c>
      <c r="E40" s="14">
        <v>680</v>
      </c>
      <c r="F40" s="14">
        <v>723</v>
      </c>
      <c r="G40" s="14">
        <v>726</v>
      </c>
      <c r="H40" s="14">
        <v>753</v>
      </c>
      <c r="I40" s="14">
        <v>792</v>
      </c>
      <c r="J40" s="14">
        <v>887</v>
      </c>
      <c r="K40" s="14">
        <v>934</v>
      </c>
      <c r="L40" s="14">
        <v>1049</v>
      </c>
      <c r="M40" s="14">
        <v>1148</v>
      </c>
      <c r="N40" s="14">
        <v>1261</v>
      </c>
      <c r="O40" s="75">
        <v>1589</v>
      </c>
      <c r="P40" s="21">
        <v>7.5025120948358115</v>
      </c>
    </row>
    <row r="41" spans="1:16" s="70" customFormat="1" ht="10.199999999999999">
      <c r="A41" s="13"/>
      <c r="B41" s="13" t="s">
        <v>265</v>
      </c>
      <c r="C41" s="13"/>
      <c r="D41" s="172">
        <v>605</v>
      </c>
      <c r="E41" s="172">
        <v>543</v>
      </c>
      <c r="F41" s="172">
        <v>528</v>
      </c>
      <c r="G41" s="172">
        <v>540</v>
      </c>
      <c r="H41" s="172">
        <v>561</v>
      </c>
      <c r="I41" s="172">
        <v>553</v>
      </c>
      <c r="J41" s="172">
        <v>818</v>
      </c>
      <c r="K41" s="172">
        <v>858</v>
      </c>
      <c r="L41" s="172">
        <v>671</v>
      </c>
      <c r="M41" s="172">
        <v>714</v>
      </c>
      <c r="N41" s="172">
        <v>778</v>
      </c>
      <c r="O41" s="173">
        <v>831</v>
      </c>
      <c r="P41" s="21">
        <v>2.9274995965192563</v>
      </c>
    </row>
    <row r="42" spans="1:16" s="70" customFormat="1">
      <c r="A42" s="13"/>
      <c r="B42" s="13"/>
      <c r="C42" s="12" t="s">
        <v>266</v>
      </c>
      <c r="D42" s="160">
        <v>1322</v>
      </c>
      <c r="E42" s="160">
        <v>1223</v>
      </c>
      <c r="F42" s="160">
        <v>1251</v>
      </c>
      <c r="G42" s="160">
        <v>1266</v>
      </c>
      <c r="H42" s="160">
        <v>1313</v>
      </c>
      <c r="I42" s="160">
        <v>1345</v>
      </c>
      <c r="J42" s="160">
        <v>1704</v>
      </c>
      <c r="K42" s="160">
        <v>1792</v>
      </c>
      <c r="L42" s="160">
        <v>1720</v>
      </c>
      <c r="M42" s="160">
        <v>1862</v>
      </c>
      <c r="N42" s="160">
        <v>2039</v>
      </c>
      <c r="O42" s="161">
        <v>2420</v>
      </c>
      <c r="P42" s="21">
        <v>5.6504289391540841</v>
      </c>
    </row>
    <row r="43" spans="1:16" s="70" customFormat="1" ht="23.1" customHeight="1">
      <c r="A43" s="28" t="s">
        <v>268</v>
      </c>
      <c r="B43" s="29"/>
      <c r="C43" s="28"/>
      <c r="D43" s="138">
        <v>1697.1978257537814</v>
      </c>
      <c r="E43" s="138">
        <v>1571.4985679803985</v>
      </c>
      <c r="F43" s="138">
        <v>1590.6871800580645</v>
      </c>
      <c r="G43" s="138">
        <v>1592.2187512321716</v>
      </c>
      <c r="H43" s="138">
        <v>1622.2343686512354</v>
      </c>
      <c r="I43" s="138">
        <v>1627.0341587150263</v>
      </c>
      <c r="J43" s="138">
        <v>2007.1075501038908</v>
      </c>
      <c r="K43" s="138">
        <v>2061.8131956269658</v>
      </c>
      <c r="L43" s="138">
        <v>1964.2530556181312</v>
      </c>
      <c r="M43" s="138">
        <v>2068.574187490035</v>
      </c>
      <c r="N43" s="138">
        <v>2118.7885089160172</v>
      </c>
      <c r="O43" s="139">
        <v>2419.9979235417636</v>
      </c>
      <c r="P43" s="33">
        <v>3.277924682556832</v>
      </c>
    </row>
    <row r="44" spans="1:16" s="70" customFormat="1" ht="15" customHeight="1">
      <c r="A44" s="13"/>
      <c r="B44" s="13" t="s">
        <v>169</v>
      </c>
      <c r="C44" s="12"/>
      <c r="D44" s="51">
        <v>-6.647274451268026</v>
      </c>
      <c r="E44" s="51">
        <v>-7.4062820412556079</v>
      </c>
      <c r="F44" s="51">
        <v>1.2210391067887683</v>
      </c>
      <c r="G44" s="51">
        <v>9.628361838254218E-2</v>
      </c>
      <c r="H44" s="51">
        <v>1.8851440730637936</v>
      </c>
      <c r="I44" s="51">
        <v>0.29587525431244988</v>
      </c>
      <c r="J44" s="51">
        <v>23.359890101448944</v>
      </c>
      <c r="K44" s="51">
        <v>2.72559612065848</v>
      </c>
      <c r="L44" s="51">
        <v>-4.731764265344518</v>
      </c>
      <c r="M44" s="51">
        <v>5.3109822878231405</v>
      </c>
      <c r="N44" s="51">
        <v>2.427484676627012</v>
      </c>
      <c r="O44" s="53">
        <v>14.216115169505361</v>
      </c>
      <c r="P44" s="116" t="s">
        <v>166</v>
      </c>
    </row>
    <row r="45" spans="1:16" ht="2.85" customHeight="1">
      <c r="A45" s="54"/>
      <c r="B45" s="54"/>
      <c r="C45" s="54"/>
      <c r="D45" s="55"/>
      <c r="E45" s="55"/>
      <c r="F45" s="55"/>
      <c r="G45" s="55"/>
      <c r="H45" s="55"/>
      <c r="I45" s="55"/>
      <c r="J45" s="55"/>
      <c r="K45" s="55"/>
      <c r="L45" s="55"/>
      <c r="M45" s="55"/>
      <c r="N45" s="55"/>
      <c r="O45" s="119"/>
      <c r="P45" s="58"/>
    </row>
    <row r="46" spans="1:16" ht="2.85" customHeight="1"/>
    <row r="47" spans="1:16" ht="20.100000000000001" customHeight="1">
      <c r="A47" s="101" t="s">
        <v>67</v>
      </c>
      <c r="B47" s="286" t="s">
        <v>517</v>
      </c>
      <c r="C47" s="286"/>
      <c r="D47" s="286"/>
      <c r="E47" s="286"/>
      <c r="F47" s="286"/>
      <c r="G47" s="286"/>
      <c r="H47" s="286"/>
      <c r="I47" s="286"/>
      <c r="J47" s="286"/>
      <c r="K47" s="286"/>
      <c r="L47" s="286"/>
      <c r="M47" s="286"/>
      <c r="N47" s="286"/>
      <c r="O47" s="286"/>
      <c r="P47" s="286"/>
    </row>
    <row r="48" spans="1:16" ht="11.85" customHeight="1">
      <c r="A48" s="101" t="s">
        <v>68</v>
      </c>
      <c r="B48" s="288" t="s">
        <v>518</v>
      </c>
      <c r="C48" s="288"/>
      <c r="D48" s="288"/>
      <c r="E48" s="288"/>
      <c r="F48" s="288"/>
      <c r="G48" s="288"/>
      <c r="H48" s="288"/>
      <c r="I48" s="288"/>
      <c r="J48" s="288"/>
      <c r="K48" s="288"/>
      <c r="L48" s="288"/>
      <c r="M48" s="288"/>
      <c r="N48" s="288"/>
      <c r="O48" s="288"/>
      <c r="P48" s="288"/>
    </row>
    <row r="49" spans="1:16" ht="12.75" customHeight="1">
      <c r="A49" s="101" t="s">
        <v>69</v>
      </c>
      <c r="B49" s="288" t="s">
        <v>519</v>
      </c>
      <c r="C49" s="288"/>
      <c r="D49" s="288"/>
      <c r="E49" s="288"/>
      <c r="F49" s="288"/>
      <c r="G49" s="288"/>
      <c r="H49" s="288"/>
      <c r="I49" s="288"/>
      <c r="J49" s="288"/>
      <c r="K49" s="288"/>
      <c r="L49" s="288"/>
      <c r="M49" s="288"/>
      <c r="N49" s="288"/>
      <c r="O49" s="288"/>
      <c r="P49" s="288"/>
    </row>
  </sheetData>
  <mergeCells count="3">
    <mergeCell ref="B47:P47"/>
    <mergeCell ref="B48:P48"/>
    <mergeCell ref="B49:P49"/>
  </mergeCells>
  <pageMargins left="0.74803149606299213" right="0.51181102362204722" top="0.6692913385826772" bottom="0.35433070866141736" header="0.51181102362204722" footer="0.31496062992125984"/>
  <pageSetup scale="91" orientation="landscape" r:id="rId1"/>
  <headerFooter alignWithMargins="0"/>
  <ignoredErrors>
    <ignoredError sqref="A47:A49"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4</vt:i4>
      </vt:variant>
      <vt:variant>
        <vt:lpstr>Named Ranges</vt:lpstr>
      </vt:variant>
      <vt:variant>
        <vt:i4>14</vt:i4>
      </vt:variant>
    </vt:vector>
  </HeadingPairs>
  <TitlesOfParts>
    <vt:vector size="28" baseType="lpstr">
      <vt:lpstr>A2.1</vt:lpstr>
      <vt:lpstr>A2.2</vt:lpstr>
      <vt:lpstr>A2.3</vt:lpstr>
      <vt:lpstr>A2.4</vt:lpstr>
      <vt:lpstr>A2.5</vt:lpstr>
      <vt:lpstr>A2.6</vt:lpstr>
      <vt:lpstr>A2.7</vt:lpstr>
      <vt:lpstr>A2.8</vt:lpstr>
      <vt:lpstr>A2.9</vt:lpstr>
      <vt:lpstr>A2.10</vt:lpstr>
      <vt:lpstr>A2.11</vt:lpstr>
      <vt:lpstr>A2.12</vt:lpstr>
      <vt:lpstr>A2.13</vt:lpstr>
      <vt:lpstr>A2.14</vt:lpstr>
      <vt:lpstr>A2.1!Print_Area</vt:lpstr>
      <vt:lpstr>A2.10!Print_Area</vt:lpstr>
      <vt:lpstr>A2.11!Print_Area</vt:lpstr>
      <vt:lpstr>A2.12!Print_Area</vt:lpstr>
      <vt:lpstr>A2.13!Print_Area</vt:lpstr>
      <vt:lpstr>A2.14!Print_Area</vt:lpstr>
      <vt:lpstr>A2.2!Print_Area</vt:lpstr>
      <vt:lpstr>A2.3!Print_Area</vt:lpstr>
      <vt:lpstr>A2.4!Print_Area</vt:lpstr>
      <vt:lpstr>A2.5!Print_Area</vt:lpstr>
      <vt:lpstr>A2.6!Print_Area</vt:lpstr>
      <vt:lpstr>A2.7!Print_Area</vt:lpstr>
      <vt:lpstr>A2.8!Print_Area</vt:lpstr>
      <vt:lpstr>A2.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ewman, Debbie FIN:EX</dc:creator>
  <cp:lastModifiedBy>Newman, Debbie FIN:EX</cp:lastModifiedBy>
  <cp:lastPrinted>2025-04-02T18:30:47Z</cp:lastPrinted>
  <dcterms:created xsi:type="dcterms:W3CDTF">2024-09-20T22:50:30Z</dcterms:created>
  <dcterms:modified xsi:type="dcterms:W3CDTF">2025-04-03T20:41:06Z</dcterms:modified>
</cp:coreProperties>
</file>